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20" r:id="rId1"/>
    <p:sldMasterId id="2147483744" r:id="rId2"/>
  </p:sldMasterIdLst>
  <p:sldIdLst>
    <p:sldId id="268" r:id="rId3"/>
    <p:sldId id="270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6598"/>
    <a:srgbClr val="CC0000"/>
    <a:srgbClr val="95222E"/>
    <a:srgbClr val="92202D"/>
    <a:srgbClr val="2683C6"/>
    <a:srgbClr val="1D6295"/>
    <a:srgbClr val="FF5B5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4" d="100"/>
          <a:sy n="104" d="100"/>
        </p:scale>
        <p:origin x="144" y="2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63786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388833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3355056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30201B-ED88-4FDA-9CD3-606A71FF88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8162C5-4ADA-4CCD-A99E-FBC3E5C6CC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43C9A3-E5A9-415C-B849-E0FCD9FF07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3CD101-6293-4EE0-922C-E7CEFCEFDE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98765-7D1A-4912-8C38-343B35C88F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34283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DED24B-6EC8-442D-9711-584B47D2D5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2D0494-5814-468F-9833-CB8E5E8AF9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CF8281-2126-4B4A-B318-73EE498FEA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D70BB5-F583-4412-8B64-92AAABF2A3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1B66B2-641B-46FD-BD02-9CD8FD957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857406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B5C6A-A365-487D-A04E-B8851CF9E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7CC9D7-1023-48A5-AE8D-F427ACF24D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E7EA60-F1C1-4619-A661-94504323D8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F4C57-A948-48BF-A14E-C9EE731D82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044712-422E-4E4F-9180-3CEE478AE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931989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32E24-65BA-4994-9003-D0D70FF1B8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513C73-52AE-4800-8DEA-511D6CC881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932335-A129-45E0-8BF7-093B3D7DA1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080BC8-9AFE-4F22-9ED7-6D275AAA2D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238D86-362F-4381-9994-B2E7DDB83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D9C5F6-E0B0-4C35-B422-D5B8714FA3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9016410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52ECCC-7481-42CF-A197-9906674869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14AF09-3ED0-481E-9E6D-D320A518B8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9E4F9DE-D8C9-4564-9AA8-7ABDCE23A5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060231D-8023-4833-8F6E-075B5264D97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25E81E-5302-4676-8916-EF1E98EBD7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F342689-6848-470D-B8E7-CF58C380B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87352AB-8B9B-45F7-99AC-87B28F7A03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D255EA-8C60-484D-AB49-C5218DB343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9678585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D408F1-3A8B-451C-9456-9CCBF4673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9C1F488-6002-4D6B-8333-0FCA58519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4DEB39-FEEE-43D5-AC12-24608AC872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677ECF-8BB6-437B-BD51-B7EA4EAE72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276970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924D0AB-89A0-4214-BAC7-B480B43378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814C2DD-EC85-4E03-BF4F-47BE68198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C424E8-4617-4C59-93E1-8EE82A764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662675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51721-F2AD-4C0F-8F48-DB9EC21D7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B3EDC-7455-497C-82A5-09DC32967C8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967725-FB0A-4969-8ADA-E34F0E4819E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9BC9A1-12D1-4309-B83D-1CF6C67754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4435E0-F353-43D9-9A8A-C59223D68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7A1C9-2B7B-4B19-9234-894EDD5F3E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532416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306995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35B2DB-023D-4C48-BDC7-2AB48E825F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9992A63-DA87-487C-B81E-02DD7129CB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A51B7ED-86F9-4022-BD04-AD30910E1D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FA2579-0511-4214-8AA9-584193266F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BAA8A1-0C28-4C9C-BA50-588F115AE9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DFD68C-6429-4B7D-B642-9A0AA2C17E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6671583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2BE72-8974-4636-95E4-6C7BB54208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144FD7D-B61C-40E9-99F9-9F4E32731E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8700AD-F1AF-437E-94B8-7D9C59EFA7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629DF2-BF13-4F90-B095-3D6100D1A2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C7239B-9245-4F71-8DEF-3BBA5572D2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4513640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C765F41-3490-4CF2-8B41-AAFCD3D46AB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1068E2-26AE-4D28-BEF3-ED6C0F0249D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35A269-9974-4D43-B3AF-ABFD8C6E39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38A4ED-4E61-41E7-A48F-D6088B8E03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B16931-C77A-438C-A3FC-13A020513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10477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276359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201897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016582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25625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20929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670772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35890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9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4572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722" r:id="rId2"/>
    <p:sldLayoutId id="2147483723" r:id="rId3"/>
    <p:sldLayoutId id="2147483724" r:id="rId4"/>
    <p:sldLayoutId id="2147483725" r:id="rId5"/>
    <p:sldLayoutId id="2147483726" r:id="rId6"/>
    <p:sldLayoutId id="2147483727" r:id="rId7"/>
    <p:sldLayoutId id="2147483728" r:id="rId8"/>
    <p:sldLayoutId id="2147483729" r:id="rId9"/>
    <p:sldLayoutId id="2147483730" r:id="rId10"/>
    <p:sldLayoutId id="214748373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B5388DA-4501-46CE-881A-50DA2FCF2D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769C103-5BF9-4CD3-813C-CD92BD19FB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F5196-D6FE-4440-8DF5-BB67F4F6DF3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7B8E1-8D46-4062-BD8B-F4663509E4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73A3D1-EBB7-41AF-AA6D-6BD521BF6FE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677174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slideLayout" Target="../slideLayouts/slideLayout6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531" name="OTLSHAPE_T_452ffbff643449bf898b842030269d79_HorizontalConnector1"/>
          <p:cNvCxnSpPr/>
          <p:nvPr>
            <p:custDataLst>
              <p:tags r:id="rId2"/>
            </p:custDataLst>
          </p:nvPr>
        </p:nvCxnSpPr>
        <p:spPr>
          <a:xfrm>
            <a:off x="1119167" y="5423958"/>
            <a:ext cx="8186107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30" name="OTLSHAPE_T_2f8fa4073845497c985961879fe02bd9_HorizontalConnector1"/>
          <p:cNvCxnSpPr/>
          <p:nvPr>
            <p:custDataLst>
              <p:tags r:id="rId3"/>
            </p:custDataLst>
          </p:nvPr>
        </p:nvCxnSpPr>
        <p:spPr>
          <a:xfrm>
            <a:off x="1509691" y="5189940"/>
            <a:ext cx="7795582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9" name="OTLSHAPE_T_d480600ded4042c48ee5e80e5b71a336_HorizontalConnector1"/>
          <p:cNvCxnSpPr/>
          <p:nvPr>
            <p:custDataLst>
              <p:tags r:id="rId4"/>
            </p:custDataLst>
          </p:nvPr>
        </p:nvCxnSpPr>
        <p:spPr>
          <a:xfrm>
            <a:off x="1408599" y="4955921"/>
            <a:ext cx="702141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8" name="OTLSHAPE_T_b0ce345f5e2e422f9154b35d4c1d61d1_HorizontalConnector1"/>
          <p:cNvCxnSpPr/>
          <p:nvPr>
            <p:custDataLst>
              <p:tags r:id="rId5"/>
            </p:custDataLst>
          </p:nvPr>
        </p:nvCxnSpPr>
        <p:spPr>
          <a:xfrm>
            <a:off x="1727242" y="4721902"/>
            <a:ext cx="495226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7" name="OTLSHAPE_T_57f5429952d14bf49102a5a5faf30e1a_HorizontalConnector1"/>
          <p:cNvCxnSpPr/>
          <p:nvPr>
            <p:custDataLst>
              <p:tags r:id="rId6"/>
            </p:custDataLst>
          </p:nvPr>
        </p:nvCxnSpPr>
        <p:spPr>
          <a:xfrm>
            <a:off x="695537" y="4464622"/>
            <a:ext cx="5983969" cy="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6" name="OTLSHAPE_T_836c357db4084b50807ddd27b87cbdc3_HorizontalConnector1"/>
          <p:cNvCxnSpPr/>
          <p:nvPr>
            <p:custDataLst>
              <p:tags r:id="rId7"/>
            </p:custDataLst>
          </p:nvPr>
        </p:nvCxnSpPr>
        <p:spPr>
          <a:xfrm>
            <a:off x="860171" y="2900257"/>
            <a:ext cx="5152552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5" name="OTLSHAPE_T_78be7d9108184754b05589e65c41c421_HorizontalConnector1"/>
          <p:cNvCxnSpPr/>
          <p:nvPr>
            <p:custDataLst>
              <p:tags r:id="rId8"/>
            </p:custDataLst>
          </p:nvPr>
        </p:nvCxnSpPr>
        <p:spPr>
          <a:xfrm>
            <a:off x="1549231" y="2649897"/>
            <a:ext cx="279625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4" name="OTLSHAPE_T_59ca60aa1ba948a79516fa0118865308_HorizontalConnector1"/>
          <p:cNvCxnSpPr/>
          <p:nvPr>
            <p:custDataLst>
              <p:tags r:id="rId9"/>
            </p:custDataLst>
          </p:nvPr>
        </p:nvCxnSpPr>
        <p:spPr>
          <a:xfrm>
            <a:off x="1441027" y="2415879"/>
            <a:ext cx="144570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3" name="OTLSHAPE_T_48541c08b8264880b5f5e24c9c19489c_HorizontalConnector1"/>
          <p:cNvCxnSpPr/>
          <p:nvPr>
            <p:custDataLst>
              <p:tags r:id="rId10"/>
            </p:custDataLst>
          </p:nvPr>
        </p:nvCxnSpPr>
        <p:spPr>
          <a:xfrm>
            <a:off x="1194096" y="2181860"/>
            <a:ext cx="110912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2" name="OTLSHAPE_T_3a68715404b5435ab4a487ba7219617a_HorizontalConnector1"/>
          <p:cNvCxnSpPr/>
          <p:nvPr>
            <p:custDataLst>
              <p:tags r:id="rId11"/>
            </p:custDataLst>
          </p:nvPr>
        </p:nvCxnSpPr>
        <p:spPr>
          <a:xfrm>
            <a:off x="695537" y="1924579"/>
            <a:ext cx="1607689" cy="0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1" name="OTLSHAPE_M_26c928c3e36b4a2d836f0b5f31ef08d2_Connector1"/>
          <p:cNvCxnSpPr/>
          <p:nvPr>
            <p:custDataLst>
              <p:tags r:id="rId12"/>
            </p:custDataLst>
          </p:nvPr>
        </p:nvCxnSpPr>
        <p:spPr>
          <a:xfrm>
            <a:off x="2892877" y="3329728"/>
            <a:ext cx="0" cy="442172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0" name="OTLSHAPE_M_ccd9ec8f2afa4259a768f5e413e3b544_Connector1"/>
          <p:cNvCxnSpPr/>
          <p:nvPr>
            <p:custDataLst>
              <p:tags r:id="rId13"/>
            </p:custDataLst>
          </p:nvPr>
        </p:nvCxnSpPr>
        <p:spPr>
          <a:xfrm>
            <a:off x="1142365" y="3330350"/>
            <a:ext cx="0" cy="441550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91" name="OTLSHAPE_TB_00000000000000000000000000000000_LeftEndCaps" hidden="1"/>
          <p:cNvSpPr txBox="1"/>
          <p:nvPr>
            <p:custDataLst>
              <p:tags r:id="rId14"/>
            </p:custDataLst>
          </p:nvPr>
        </p:nvSpPr>
        <p:spPr>
          <a:xfrm>
            <a:off x="254000" y="3822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492" name="OTLSHAPE_TB_00000000000000000000000000000000_RightEndCaps" hidden="1"/>
          <p:cNvSpPr txBox="1"/>
          <p:nvPr>
            <p:custDataLst>
              <p:tags r:id="rId15"/>
            </p:custDataLst>
          </p:nvPr>
        </p:nvSpPr>
        <p:spPr>
          <a:xfrm>
            <a:off x="11474534" y="3822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493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844465" y="37719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94" name="OTLSHAPE_TB_00000000000000000000000000000000_ElapsedTime" hidden="1"/>
          <p:cNvSpPr/>
          <p:nvPr>
            <p:custDataLst>
              <p:tags r:id="rId17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95" name="OTLSHAPE_TB_00000000000000000000000000000000_TodayMarkerShape" hidden="1"/>
          <p:cNvSpPr/>
          <p:nvPr>
            <p:custDataLst>
              <p:tags r:id="rId18"/>
            </p:custDataLst>
          </p:nvPr>
        </p:nvSpPr>
        <p:spPr>
          <a:xfrm>
            <a:off x="790037" y="41529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96" name="OTLSHAPE_TB_00000000000000000000000000000000_TodayMarkerText" hidden="1"/>
          <p:cNvSpPr txBox="1"/>
          <p:nvPr>
            <p:custDataLst>
              <p:tags r:id="rId19"/>
            </p:custDataLst>
          </p:nvPr>
        </p:nvSpPr>
        <p:spPr>
          <a:xfrm>
            <a:off x="844465" y="42799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497" name="OTLSHAPE_TB_00000000000000000000000000000000_TimescaleInterval1"/>
          <p:cNvSpPr txBox="1"/>
          <p:nvPr>
            <p:custDataLst>
              <p:tags r:id="rId20"/>
            </p:custDataLst>
          </p:nvPr>
        </p:nvSpPr>
        <p:spPr>
          <a:xfrm>
            <a:off x="907965" y="3869372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cxnSp>
        <p:nvCxnSpPr>
          <p:cNvPr id="11498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1719718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99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1783221" y="38693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cxnSp>
        <p:nvCxnSpPr>
          <p:cNvPr id="11500" name="OTLSHAPE_TB_00000000000000000000000000000000_Separator2"/>
          <p:cNvCxnSpPr/>
          <p:nvPr>
            <p:custDataLst>
              <p:tags r:id="rId23"/>
            </p:custDataLst>
          </p:nvPr>
        </p:nvCxnSpPr>
        <p:spPr>
          <a:xfrm>
            <a:off x="2594974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01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2658477" y="38693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11502" name="OTLSHAPE_TB_00000000000000000000000000000000_Separator3"/>
          <p:cNvCxnSpPr/>
          <p:nvPr>
            <p:custDataLst>
              <p:tags r:id="rId25"/>
            </p:custDataLst>
          </p:nvPr>
        </p:nvCxnSpPr>
        <p:spPr>
          <a:xfrm>
            <a:off x="3470230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03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3533734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cxnSp>
        <p:nvCxnSpPr>
          <p:cNvPr id="11504" name="OTLSHAPE_TB_00000000000000000000000000000000_Separator4"/>
          <p:cNvCxnSpPr/>
          <p:nvPr>
            <p:custDataLst>
              <p:tags r:id="rId27"/>
            </p:custDataLst>
          </p:nvPr>
        </p:nvCxnSpPr>
        <p:spPr>
          <a:xfrm>
            <a:off x="4345486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05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4408989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11506" name="OTLSHAPE_TB_00000000000000000000000000000000_Separator5"/>
          <p:cNvCxnSpPr/>
          <p:nvPr>
            <p:custDataLst>
              <p:tags r:id="rId29"/>
            </p:custDataLst>
          </p:nvPr>
        </p:nvCxnSpPr>
        <p:spPr>
          <a:xfrm>
            <a:off x="5220742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07" name="OTLSHAPE_TB_00000000000000000000000000000000_TimescaleInterval6"/>
          <p:cNvSpPr txBox="1"/>
          <p:nvPr>
            <p:custDataLst>
              <p:tags r:id="rId30"/>
            </p:custDataLst>
          </p:nvPr>
        </p:nvSpPr>
        <p:spPr>
          <a:xfrm>
            <a:off x="5284246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cxnSp>
        <p:nvCxnSpPr>
          <p:cNvPr id="11508" name="OTLSHAPE_TB_00000000000000000000000000000000_Separator6"/>
          <p:cNvCxnSpPr/>
          <p:nvPr>
            <p:custDataLst>
              <p:tags r:id="rId31"/>
            </p:custDataLst>
          </p:nvPr>
        </p:nvCxnSpPr>
        <p:spPr>
          <a:xfrm>
            <a:off x="6095998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09" name="OTLSHAPE_TB_00000000000000000000000000000000_TimescaleInterval7"/>
          <p:cNvSpPr txBox="1"/>
          <p:nvPr>
            <p:custDataLst>
              <p:tags r:id="rId32"/>
            </p:custDataLst>
          </p:nvPr>
        </p:nvSpPr>
        <p:spPr>
          <a:xfrm>
            <a:off x="6159502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cxnSp>
        <p:nvCxnSpPr>
          <p:cNvPr id="11510" name="OTLSHAPE_TB_00000000000000000000000000000000_Separator7"/>
          <p:cNvCxnSpPr/>
          <p:nvPr>
            <p:custDataLst>
              <p:tags r:id="rId33"/>
            </p:custDataLst>
          </p:nvPr>
        </p:nvCxnSpPr>
        <p:spPr>
          <a:xfrm>
            <a:off x="6971254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11" name="OTLSHAPE_TB_00000000000000000000000000000000_TimescaleInterval8"/>
          <p:cNvSpPr txBox="1"/>
          <p:nvPr>
            <p:custDataLst>
              <p:tags r:id="rId34"/>
            </p:custDataLst>
          </p:nvPr>
        </p:nvSpPr>
        <p:spPr>
          <a:xfrm>
            <a:off x="7034757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2</a:t>
            </a:r>
          </a:p>
        </p:txBody>
      </p:sp>
      <p:cxnSp>
        <p:nvCxnSpPr>
          <p:cNvPr id="11512" name="OTLSHAPE_TB_00000000000000000000000000000000_Separator8"/>
          <p:cNvCxnSpPr/>
          <p:nvPr>
            <p:custDataLst>
              <p:tags r:id="rId35"/>
            </p:custDataLst>
          </p:nvPr>
        </p:nvCxnSpPr>
        <p:spPr>
          <a:xfrm>
            <a:off x="7846510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13" name="OTLSHAPE_TB_00000000000000000000000000000000_TimescaleInterval9"/>
          <p:cNvSpPr txBox="1"/>
          <p:nvPr>
            <p:custDataLst>
              <p:tags r:id="rId36"/>
            </p:custDataLst>
          </p:nvPr>
        </p:nvSpPr>
        <p:spPr>
          <a:xfrm>
            <a:off x="7910014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cxnSp>
        <p:nvCxnSpPr>
          <p:cNvPr id="11514" name="OTLSHAPE_TB_00000000000000000000000000000000_Separator9"/>
          <p:cNvCxnSpPr/>
          <p:nvPr>
            <p:custDataLst>
              <p:tags r:id="rId37"/>
            </p:custDataLst>
          </p:nvPr>
        </p:nvCxnSpPr>
        <p:spPr>
          <a:xfrm>
            <a:off x="8721767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15" name="OTLSHAPE_TB_00000000000000000000000000000000_TimescaleInterval10"/>
          <p:cNvSpPr txBox="1"/>
          <p:nvPr>
            <p:custDataLst>
              <p:tags r:id="rId38"/>
            </p:custDataLst>
          </p:nvPr>
        </p:nvSpPr>
        <p:spPr>
          <a:xfrm>
            <a:off x="8785270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8</a:t>
            </a:r>
          </a:p>
        </p:txBody>
      </p:sp>
      <p:cxnSp>
        <p:nvCxnSpPr>
          <p:cNvPr id="11516" name="OTLSHAPE_TB_00000000000000000000000000000000_Separator10"/>
          <p:cNvCxnSpPr/>
          <p:nvPr>
            <p:custDataLst>
              <p:tags r:id="rId39"/>
            </p:custDataLst>
          </p:nvPr>
        </p:nvCxnSpPr>
        <p:spPr>
          <a:xfrm>
            <a:off x="9597023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17" name="OTLSHAPE_TB_00000000000000000000000000000000_TimescaleInterval11"/>
          <p:cNvSpPr txBox="1"/>
          <p:nvPr>
            <p:custDataLst>
              <p:tags r:id="rId40"/>
            </p:custDataLst>
          </p:nvPr>
        </p:nvSpPr>
        <p:spPr>
          <a:xfrm>
            <a:off x="9660526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cxnSp>
        <p:nvCxnSpPr>
          <p:cNvPr id="11518" name="OTLSHAPE_TB_00000000000000000000000000000000_Separator11"/>
          <p:cNvCxnSpPr/>
          <p:nvPr>
            <p:custDataLst>
              <p:tags r:id="rId41"/>
            </p:custDataLst>
          </p:nvPr>
        </p:nvCxnSpPr>
        <p:spPr>
          <a:xfrm>
            <a:off x="10472279" y="38100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19" name="OTLSHAPE_TB_00000000000000000000000000000000_TimescaleInterval12"/>
          <p:cNvSpPr txBox="1"/>
          <p:nvPr>
            <p:custDataLst>
              <p:tags r:id="rId42"/>
            </p:custDataLst>
          </p:nvPr>
        </p:nvSpPr>
        <p:spPr>
          <a:xfrm>
            <a:off x="10535782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4</a:t>
            </a:r>
          </a:p>
        </p:txBody>
      </p:sp>
      <p:sp>
        <p:nvSpPr>
          <p:cNvPr id="11532" name="OTLSHAPE_M_ccd9ec8f2afa4259a768f5e413e3b544_Title"/>
          <p:cNvSpPr txBox="1"/>
          <p:nvPr>
            <p:custDataLst>
              <p:tags r:id="rId43"/>
            </p:custDataLst>
          </p:nvPr>
        </p:nvSpPr>
        <p:spPr>
          <a:xfrm>
            <a:off x="1364615" y="3243778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ask Planning Meeting</a:t>
            </a:r>
          </a:p>
        </p:txBody>
      </p:sp>
      <p:sp>
        <p:nvSpPr>
          <p:cNvPr id="11533" name="OTLSHAPE_M_ccd9ec8f2afa4259a768f5e413e3b544_Date"/>
          <p:cNvSpPr txBox="1"/>
          <p:nvPr>
            <p:custDataLst>
              <p:tags r:id="rId44"/>
            </p:custDataLst>
          </p:nvPr>
        </p:nvSpPr>
        <p:spPr>
          <a:xfrm>
            <a:off x="1364615" y="342699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29</a:t>
            </a:r>
          </a:p>
        </p:txBody>
      </p:sp>
      <p:sp>
        <p:nvSpPr>
          <p:cNvPr id="11534" name="OTLSHAPE_M_ccd9ec8f2afa4259a768f5e413e3b544_Shape"/>
          <p:cNvSpPr/>
          <p:nvPr>
            <p:custDataLst>
              <p:tags r:id="rId45"/>
            </p:custDataLst>
          </p:nvPr>
        </p:nvSpPr>
        <p:spPr>
          <a:xfrm rot="16200000">
            <a:off x="1167765" y="3330350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35" name="OTLSHAPE_M_26c928c3e36b4a2d836f0b5f31ef08d2_Title"/>
          <p:cNvSpPr txBox="1"/>
          <p:nvPr>
            <p:custDataLst>
              <p:tags r:id="rId46"/>
            </p:custDataLst>
          </p:nvPr>
        </p:nvSpPr>
        <p:spPr>
          <a:xfrm>
            <a:off x="3115127" y="324315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view Backlog</a:t>
            </a:r>
          </a:p>
        </p:txBody>
      </p:sp>
      <p:sp>
        <p:nvSpPr>
          <p:cNvPr id="11536" name="OTLSHAPE_M_26c928c3e36b4a2d836f0b5f31ef08d2_Date"/>
          <p:cNvSpPr txBox="1"/>
          <p:nvPr>
            <p:custDataLst>
              <p:tags r:id="rId47"/>
            </p:custDataLst>
          </p:nvPr>
        </p:nvSpPr>
        <p:spPr>
          <a:xfrm>
            <a:off x="3115127" y="34263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4</a:t>
            </a:r>
          </a:p>
        </p:txBody>
      </p:sp>
      <p:sp>
        <p:nvSpPr>
          <p:cNvPr id="11537" name="OTLSHAPE_M_26c928c3e36b4a2d836f0b5f31ef08d2_Shape"/>
          <p:cNvSpPr/>
          <p:nvPr>
            <p:custDataLst>
              <p:tags r:id="rId48"/>
            </p:custDataLst>
          </p:nvPr>
        </p:nvSpPr>
        <p:spPr>
          <a:xfrm rot="16200000">
            <a:off x="2918277" y="3329728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38" name="OTLSHAPE_M_e58fe382ac9c4fba9888eb94f5ce08f8_Title"/>
          <p:cNvSpPr txBox="1"/>
          <p:nvPr>
            <p:custDataLst>
              <p:tags r:id="rId49"/>
            </p:custDataLst>
          </p:nvPr>
        </p:nvSpPr>
        <p:spPr>
          <a:xfrm>
            <a:off x="4237243" y="324315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lient Review</a:t>
            </a:r>
          </a:p>
        </p:txBody>
      </p:sp>
      <p:sp>
        <p:nvSpPr>
          <p:cNvPr id="11539" name="OTLSHAPE_M_e58fe382ac9c4fba9888eb94f5ce08f8_Date"/>
          <p:cNvSpPr txBox="1"/>
          <p:nvPr>
            <p:custDataLst>
              <p:tags r:id="rId50"/>
            </p:custDataLst>
          </p:nvPr>
        </p:nvSpPr>
        <p:spPr>
          <a:xfrm>
            <a:off x="4457821" y="34263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11540" name="OTLSHAPE_M_e58fe382ac9c4fba9888eb94f5ce08f8_Shape"/>
          <p:cNvSpPr/>
          <p:nvPr>
            <p:custDataLst>
              <p:tags r:id="rId51"/>
            </p:custDataLst>
          </p:nvPr>
        </p:nvSpPr>
        <p:spPr>
          <a:xfrm>
            <a:off x="4522739" y="3581400"/>
            <a:ext cx="228600" cy="254000"/>
          </a:xfrm>
          <a:prstGeom prst="downArrow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41" name="OTLSHAPE_M_5aa040aafb6e411192439c8d00bcd6df_Title"/>
          <p:cNvSpPr txBox="1"/>
          <p:nvPr>
            <p:custDataLst>
              <p:tags r:id="rId52"/>
            </p:custDataLst>
          </p:nvPr>
        </p:nvSpPr>
        <p:spPr>
          <a:xfrm>
            <a:off x="6209754" y="3243779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Task Management Review</a:t>
            </a:r>
          </a:p>
        </p:txBody>
      </p:sp>
      <p:sp>
        <p:nvSpPr>
          <p:cNvPr id="11542" name="OTLSHAPE_M_5aa040aafb6e411192439c8d00bcd6df_Date"/>
          <p:cNvSpPr txBox="1"/>
          <p:nvPr>
            <p:custDataLst>
              <p:tags r:id="rId53"/>
            </p:custDataLst>
          </p:nvPr>
        </p:nvSpPr>
        <p:spPr>
          <a:xfrm>
            <a:off x="6791837" y="342699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18</a:t>
            </a:r>
          </a:p>
        </p:txBody>
      </p:sp>
      <p:sp>
        <p:nvSpPr>
          <p:cNvPr id="11543" name="OTLSHAPE_M_5aa040aafb6e411192439c8d00bcd6df_Shape"/>
          <p:cNvSpPr/>
          <p:nvPr>
            <p:custDataLst>
              <p:tags r:id="rId54"/>
            </p:custDataLst>
          </p:nvPr>
        </p:nvSpPr>
        <p:spPr>
          <a:xfrm>
            <a:off x="6856755" y="3581400"/>
            <a:ext cx="228600" cy="254000"/>
          </a:xfrm>
          <a:prstGeom prst="downArrow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44" name="OTLSHAPE_M_deee0f4a173645f180acd79a9a375677_Title"/>
          <p:cNvSpPr txBox="1"/>
          <p:nvPr>
            <p:custDataLst>
              <p:tags r:id="rId55"/>
            </p:custDataLst>
          </p:nvPr>
        </p:nvSpPr>
        <p:spPr>
          <a:xfrm>
            <a:off x="11117719" y="32431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</a:p>
        </p:txBody>
      </p:sp>
      <p:sp>
        <p:nvSpPr>
          <p:cNvPr id="11545" name="OTLSHAPE_M_deee0f4a173645f180acd79a9a375677_Date"/>
          <p:cNvSpPr txBox="1"/>
          <p:nvPr>
            <p:custDataLst>
              <p:tags r:id="rId56"/>
            </p:custDataLst>
          </p:nvPr>
        </p:nvSpPr>
        <p:spPr>
          <a:xfrm>
            <a:off x="11204270" y="34263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3</a:t>
            </a:r>
          </a:p>
        </p:txBody>
      </p:sp>
      <p:sp>
        <p:nvSpPr>
          <p:cNvPr id="11546" name="OTLSHAPE_M_deee0f4a173645f180acd79a9a375677_Shape"/>
          <p:cNvSpPr/>
          <p:nvPr>
            <p:custDataLst>
              <p:tags r:id="rId57"/>
            </p:custDataLst>
          </p:nvPr>
        </p:nvSpPr>
        <p:spPr>
          <a:xfrm>
            <a:off x="11233035" y="35814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47" name="OTLSHAPE_T_3a68715404b5435ab4a487ba7219617a_Shape"/>
          <p:cNvSpPr/>
          <p:nvPr>
            <p:custDataLst>
              <p:tags r:id="rId58"/>
            </p:custDataLst>
          </p:nvPr>
        </p:nvSpPr>
        <p:spPr>
          <a:xfrm>
            <a:off x="2303225" y="1822979"/>
            <a:ext cx="4381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52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48" name="OTLSHAPE_T_3a68715404b5435ab4a487ba7219617a_ShapePercentage" hidden="1"/>
          <p:cNvSpPr/>
          <p:nvPr>
            <p:custDataLst>
              <p:tags r:id="rId59"/>
            </p:custDataLst>
          </p:nvPr>
        </p:nvSpPr>
        <p:spPr>
          <a:xfrm>
            <a:off x="2303225" y="182297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49" name="OTLSHAPE_T_3a68715404b5435ab4a487ba7219617a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181605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50" name="OTLSHAPE_T_3a68715404b5435ab4a487ba7219617a_JoinedDate" hidden="1"/>
          <p:cNvSpPr txBox="1"/>
          <p:nvPr>
            <p:custDataLst>
              <p:tags r:id="rId61"/>
            </p:custDataLst>
          </p:nvPr>
        </p:nvSpPr>
        <p:spPr>
          <a:xfrm>
            <a:off x="0" y="1816058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3 - 9/17</a:t>
            </a:r>
          </a:p>
        </p:txBody>
      </p:sp>
      <p:sp>
        <p:nvSpPr>
          <p:cNvPr id="11551" name="OTLSHAPE_T_3a68715404b5435ab4a487ba7219617a_StartDate" hidden="1"/>
          <p:cNvSpPr txBox="1"/>
          <p:nvPr>
            <p:custDataLst>
              <p:tags r:id="rId62"/>
            </p:custDataLst>
          </p:nvPr>
        </p:nvSpPr>
        <p:spPr>
          <a:xfrm>
            <a:off x="0" y="1971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52" name="OTLSHAPE_T_3a68715404b5435ab4a487ba7219617a_EndDate" hidden="1"/>
          <p:cNvSpPr txBox="1"/>
          <p:nvPr>
            <p:custDataLst>
              <p:tags r:id="rId63"/>
            </p:custDataLst>
          </p:nvPr>
        </p:nvSpPr>
        <p:spPr>
          <a:xfrm>
            <a:off x="0" y="1971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53" name="OTLSHAPE_T_3a68715404b5435ab4a487ba7219617a_Duration"/>
          <p:cNvSpPr txBox="1"/>
          <p:nvPr>
            <p:custDataLst>
              <p:tags r:id="rId64"/>
            </p:custDataLst>
          </p:nvPr>
        </p:nvSpPr>
        <p:spPr>
          <a:xfrm>
            <a:off x="4238640" y="1823805"/>
            <a:ext cx="508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6">
                <a:solidFill>
                  <a:schemeClr val="lt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1554" name="OTLSHAPE_T_3a68715404b5435ab4a487ba7219617a_Title"/>
          <p:cNvSpPr txBox="1"/>
          <p:nvPr>
            <p:custDataLst>
              <p:tags r:id="rId65"/>
            </p:custDataLst>
          </p:nvPr>
        </p:nvSpPr>
        <p:spPr>
          <a:xfrm>
            <a:off x="127000" y="1816058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rgbClr val="B20E12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11555" name="OTLSHAPE_T_48541c08b8264880b5f5e24c9c19489c_Shape"/>
          <p:cNvSpPr/>
          <p:nvPr>
            <p:custDataLst>
              <p:tags r:id="rId66"/>
            </p:custDataLst>
          </p:nvPr>
        </p:nvSpPr>
        <p:spPr>
          <a:xfrm>
            <a:off x="2303225" y="2112095"/>
            <a:ext cx="584200" cy="139531"/>
          </a:xfrm>
          <a:prstGeom prst="homePlat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56" name="OTLSHAPE_T_48541c08b8264880b5f5e24c9c19489c_ShapePercentage" hidden="1"/>
          <p:cNvSpPr/>
          <p:nvPr>
            <p:custDataLst>
              <p:tags r:id="rId67"/>
            </p:custDataLst>
          </p:nvPr>
        </p:nvSpPr>
        <p:spPr>
          <a:xfrm>
            <a:off x="2303225" y="211209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57" name="OTLSHAPE_T_48541c08b8264880b5f5e24c9c19489c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096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58" name="OTLSHAPE_T_48541c08b8264880b5f5e24c9c19489c_JoinedDate" hidden="1"/>
          <p:cNvSpPr txBox="1"/>
          <p:nvPr>
            <p:custDataLst>
              <p:tags r:id="rId69"/>
            </p:custDataLst>
          </p:nvPr>
        </p:nvSpPr>
        <p:spPr>
          <a:xfrm>
            <a:off x="0" y="209660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3 - 9/4</a:t>
            </a:r>
          </a:p>
        </p:txBody>
      </p:sp>
      <p:sp>
        <p:nvSpPr>
          <p:cNvPr id="11559" name="OTLSHAPE_T_48541c08b8264880b5f5e24c9c19489c_StartDate" hidden="1"/>
          <p:cNvSpPr txBox="1"/>
          <p:nvPr>
            <p:custDataLst>
              <p:tags r:id="rId70"/>
            </p:custDataLst>
          </p:nvPr>
        </p:nvSpPr>
        <p:spPr>
          <a:xfrm>
            <a:off x="0" y="2251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60" name="OTLSHAPE_T_48541c08b8264880b5f5e24c9c19489c_EndDate" hidden="1"/>
          <p:cNvSpPr txBox="1"/>
          <p:nvPr>
            <p:custDataLst>
              <p:tags r:id="rId71"/>
            </p:custDataLst>
          </p:nvPr>
        </p:nvSpPr>
        <p:spPr>
          <a:xfrm>
            <a:off x="0" y="2251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61" name="OTLSHAPE_T_48541c08b8264880b5f5e24c9c19489c_Duration"/>
          <p:cNvSpPr txBox="1"/>
          <p:nvPr>
            <p:custDataLst>
              <p:tags r:id="rId72"/>
            </p:custDataLst>
          </p:nvPr>
        </p:nvSpPr>
        <p:spPr>
          <a:xfrm>
            <a:off x="2470797" y="2112095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1562" name="OTLSHAPE_T_48541c08b8264880b5f5e24c9c19489c_Title"/>
          <p:cNvSpPr txBox="1"/>
          <p:nvPr>
            <p:custDataLst>
              <p:tags r:id="rId73"/>
            </p:custDataLst>
          </p:nvPr>
        </p:nvSpPr>
        <p:spPr>
          <a:xfrm>
            <a:off x="127000" y="209660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rgbClr val="B20E12"/>
                </a:solidFill>
                <a:latin typeface="Calibri" panose="020F0502020204030204" pitchFamily="34" charset="0"/>
              </a:rPr>
              <a:t>Generate Analytics</a:t>
            </a:r>
          </a:p>
        </p:txBody>
      </p:sp>
      <p:sp>
        <p:nvSpPr>
          <p:cNvPr id="11563" name="OTLSHAPE_T_59ca60aa1ba948a79516fa0118865308_Shape"/>
          <p:cNvSpPr/>
          <p:nvPr>
            <p:custDataLst>
              <p:tags r:id="rId74"/>
            </p:custDataLst>
          </p:nvPr>
        </p:nvSpPr>
        <p:spPr>
          <a:xfrm>
            <a:off x="2886729" y="2338366"/>
            <a:ext cx="1460500" cy="155025"/>
          </a:xfrm>
          <a:prstGeom prst="homePlat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64" name="OTLSHAPE_T_59ca60aa1ba948a79516fa0118865308_ShapePercentage" hidden="1"/>
          <p:cNvSpPr/>
          <p:nvPr>
            <p:custDataLst>
              <p:tags r:id="rId75"/>
            </p:custDataLst>
          </p:nvPr>
        </p:nvSpPr>
        <p:spPr>
          <a:xfrm>
            <a:off x="2886729" y="233836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65" name="OTLSHAPE_T_59ca60aa1ba948a79516fa0118865308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330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66" name="OTLSHAPE_T_59ca60aa1ba948a79516fa0118865308_JoinedDate" hidden="1"/>
          <p:cNvSpPr txBox="1"/>
          <p:nvPr>
            <p:custDataLst>
              <p:tags r:id="rId77"/>
            </p:custDataLst>
          </p:nvPr>
        </p:nvSpPr>
        <p:spPr>
          <a:xfrm>
            <a:off x="0" y="233061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5 - 9/9</a:t>
            </a:r>
          </a:p>
        </p:txBody>
      </p:sp>
      <p:sp>
        <p:nvSpPr>
          <p:cNvPr id="11567" name="OTLSHAPE_T_59ca60aa1ba948a79516fa0118865308_StartDate" hidden="1"/>
          <p:cNvSpPr txBox="1"/>
          <p:nvPr>
            <p:custDataLst>
              <p:tags r:id="rId78"/>
            </p:custDataLst>
          </p:nvPr>
        </p:nvSpPr>
        <p:spPr>
          <a:xfrm>
            <a:off x="0" y="24856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68" name="OTLSHAPE_T_59ca60aa1ba948a79516fa0118865308_EndDate" hidden="1"/>
          <p:cNvSpPr txBox="1"/>
          <p:nvPr>
            <p:custDataLst>
              <p:tags r:id="rId79"/>
            </p:custDataLst>
          </p:nvPr>
        </p:nvSpPr>
        <p:spPr>
          <a:xfrm>
            <a:off x="0" y="24856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69" name="OTLSHAPE_T_59ca60aa1ba948a79516fa0118865308_Duration"/>
          <p:cNvSpPr txBox="1"/>
          <p:nvPr>
            <p:custDataLst>
              <p:tags r:id="rId80"/>
            </p:custDataLst>
          </p:nvPr>
        </p:nvSpPr>
        <p:spPr>
          <a:xfrm>
            <a:off x="3453893" y="233836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570" name="OTLSHAPE_T_59ca60aa1ba948a79516fa0118865308_Title"/>
          <p:cNvSpPr txBox="1"/>
          <p:nvPr>
            <p:custDataLst>
              <p:tags r:id="rId81"/>
            </p:custDataLst>
          </p:nvPr>
        </p:nvSpPr>
        <p:spPr>
          <a:xfrm>
            <a:off x="127000" y="2330619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rgbClr val="B20E12"/>
                </a:solidFill>
                <a:latin typeface="Calibri" panose="020F0502020204030204" pitchFamily="34" charset="0"/>
              </a:rPr>
              <a:t>Security Improvements</a:t>
            </a:r>
          </a:p>
        </p:txBody>
      </p:sp>
      <p:sp>
        <p:nvSpPr>
          <p:cNvPr id="11571" name="OTLSHAPE_T_78be7d9108184754b05589e65c41c421_Shape"/>
          <p:cNvSpPr/>
          <p:nvPr>
            <p:custDataLst>
              <p:tags r:id="rId82"/>
            </p:custDataLst>
          </p:nvPr>
        </p:nvSpPr>
        <p:spPr>
          <a:xfrm>
            <a:off x="4345489" y="2572385"/>
            <a:ext cx="2044700" cy="155025"/>
          </a:xfrm>
          <a:prstGeom prst="chevron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72" name="OTLSHAPE_T_78be7d9108184754b05589e65c41c421_ShapePercentage" hidden="1"/>
          <p:cNvSpPr/>
          <p:nvPr>
            <p:custDataLst>
              <p:tags r:id="rId83"/>
            </p:custDataLst>
          </p:nvPr>
        </p:nvSpPr>
        <p:spPr>
          <a:xfrm>
            <a:off x="4345489" y="2572385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73" name="OTLSHAPE_T_78be7d9108184754b05589e65c41c421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2564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74" name="OTLSHAPE_T_78be7d9108184754b05589e65c41c421_JoinedDate" hidden="1"/>
          <p:cNvSpPr txBox="1"/>
          <p:nvPr>
            <p:custDataLst>
              <p:tags r:id="rId85"/>
            </p:custDataLst>
          </p:nvPr>
        </p:nvSpPr>
        <p:spPr>
          <a:xfrm>
            <a:off x="0" y="25646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10 - 9/16</a:t>
            </a:r>
          </a:p>
        </p:txBody>
      </p:sp>
      <p:sp>
        <p:nvSpPr>
          <p:cNvPr id="11575" name="OTLSHAPE_T_78be7d9108184754b05589e65c41c421_StartDate" hidden="1"/>
          <p:cNvSpPr txBox="1"/>
          <p:nvPr>
            <p:custDataLst>
              <p:tags r:id="rId86"/>
            </p:custDataLst>
          </p:nvPr>
        </p:nvSpPr>
        <p:spPr>
          <a:xfrm>
            <a:off x="0" y="27196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76" name="OTLSHAPE_T_78be7d9108184754b05589e65c41c421_EndDate" hidden="1"/>
          <p:cNvSpPr txBox="1"/>
          <p:nvPr>
            <p:custDataLst>
              <p:tags r:id="rId87"/>
            </p:custDataLst>
          </p:nvPr>
        </p:nvSpPr>
        <p:spPr>
          <a:xfrm>
            <a:off x="0" y="27196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77" name="OTLSHAPE_T_78be7d9108184754b05589e65c41c421_Duration"/>
          <p:cNvSpPr txBox="1"/>
          <p:nvPr>
            <p:custDataLst>
              <p:tags r:id="rId88"/>
            </p:custDataLst>
          </p:nvPr>
        </p:nvSpPr>
        <p:spPr>
          <a:xfrm>
            <a:off x="5204405" y="257238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578" name="OTLSHAPE_T_78be7d9108184754b05589e65c41c421_Title"/>
          <p:cNvSpPr txBox="1"/>
          <p:nvPr>
            <p:custDataLst>
              <p:tags r:id="rId89"/>
            </p:custDataLst>
          </p:nvPr>
        </p:nvSpPr>
        <p:spPr>
          <a:xfrm>
            <a:off x="127000" y="2564638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rgbClr val="C00000"/>
                </a:solidFill>
                <a:latin typeface="Calibri" panose="020F0502020204030204" pitchFamily="34" charset="0"/>
              </a:rPr>
              <a:t>Review Storage Solutions</a:t>
            </a:r>
          </a:p>
        </p:txBody>
      </p:sp>
      <p:sp>
        <p:nvSpPr>
          <p:cNvPr id="11579" name="OTLSHAPE_T_836c357db4084b50807ddd27b87cbdc3_Shape"/>
          <p:cNvSpPr/>
          <p:nvPr>
            <p:custDataLst>
              <p:tags r:id="rId90"/>
            </p:custDataLst>
          </p:nvPr>
        </p:nvSpPr>
        <p:spPr>
          <a:xfrm>
            <a:off x="6387754" y="2798657"/>
            <a:ext cx="2921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80" name="OTLSHAPE_T_836c357db4084b50807ddd27b87cbdc3_ShapePercentage" hidden="1"/>
          <p:cNvSpPr/>
          <p:nvPr>
            <p:custDataLst>
              <p:tags r:id="rId91"/>
            </p:custDataLst>
          </p:nvPr>
        </p:nvSpPr>
        <p:spPr>
          <a:xfrm>
            <a:off x="6387754" y="2798657"/>
            <a:ext cx="0" cy="0"/>
          </a:xfrm>
          <a:prstGeom prst="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81" name="OTLSHAPE_T_836c357db4084b50807ddd27b87cbdc3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2798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82" name="OTLSHAPE_T_836c357db4084b50807ddd27b87cbdc3_JoinedDate" hidden="1"/>
          <p:cNvSpPr txBox="1"/>
          <p:nvPr>
            <p:custDataLst>
              <p:tags r:id="rId93"/>
            </p:custDataLst>
          </p:nvPr>
        </p:nvSpPr>
        <p:spPr>
          <a:xfrm>
            <a:off x="0" y="2798657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17</a:t>
            </a:r>
          </a:p>
        </p:txBody>
      </p:sp>
      <p:sp>
        <p:nvSpPr>
          <p:cNvPr id="11583" name="OTLSHAPE_T_836c357db4084b50807ddd27b87cbdc3_StartDate" hidden="1"/>
          <p:cNvSpPr txBox="1"/>
          <p:nvPr>
            <p:custDataLst>
              <p:tags r:id="rId94"/>
            </p:custDataLst>
          </p:nvPr>
        </p:nvSpPr>
        <p:spPr>
          <a:xfrm>
            <a:off x="0" y="2953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84" name="OTLSHAPE_T_836c357db4084b50807ddd27b87cbdc3_EndDate" hidden="1"/>
          <p:cNvSpPr txBox="1"/>
          <p:nvPr>
            <p:custDataLst>
              <p:tags r:id="rId95"/>
            </p:custDataLst>
          </p:nvPr>
        </p:nvSpPr>
        <p:spPr>
          <a:xfrm>
            <a:off x="0" y="2953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85" name="OTLSHAPE_T_836c357db4084b50807ddd27b87cbdc3_Duration"/>
          <p:cNvSpPr txBox="1"/>
          <p:nvPr>
            <p:custDataLst>
              <p:tags r:id="rId96"/>
            </p:custDataLst>
          </p:nvPr>
        </p:nvSpPr>
        <p:spPr>
          <a:xfrm>
            <a:off x="6012723" y="28227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B20E1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1586" name="OTLSHAPE_T_836c357db4084b50807ddd27b87cbdc3_Title"/>
          <p:cNvSpPr txBox="1"/>
          <p:nvPr>
            <p:custDataLst>
              <p:tags r:id="rId97"/>
            </p:custDataLst>
          </p:nvPr>
        </p:nvSpPr>
        <p:spPr>
          <a:xfrm>
            <a:off x="127000" y="281499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rgbClr val="C00000"/>
                </a:solidFill>
                <a:latin typeface="Calibri" panose="020F0502020204030204" pitchFamily="34" charset="0"/>
              </a:rPr>
              <a:t>Migrate CMS</a:t>
            </a:r>
          </a:p>
        </p:txBody>
      </p:sp>
      <p:sp>
        <p:nvSpPr>
          <p:cNvPr id="11587" name="OTLSHAPE_T_57f5429952d14bf49102a5a5faf30e1a_Shape"/>
          <p:cNvSpPr/>
          <p:nvPr>
            <p:custDataLst>
              <p:tags r:id="rId98"/>
            </p:custDataLst>
          </p:nvPr>
        </p:nvSpPr>
        <p:spPr>
          <a:xfrm>
            <a:off x="6679505" y="4363022"/>
            <a:ext cx="4673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E65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88" name="OTLSHAPE_T_57f5429952d14bf49102a5a5faf30e1a_ShapePercentage" hidden="1"/>
          <p:cNvSpPr/>
          <p:nvPr>
            <p:custDataLst>
              <p:tags r:id="rId99"/>
            </p:custDataLst>
          </p:nvPr>
        </p:nvSpPr>
        <p:spPr>
          <a:xfrm>
            <a:off x="6679505" y="436302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89" name="OTLSHAPE_T_57f5429952d14bf49102a5a5faf30e1a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4356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90" name="OTLSHAPE_T_57f5429952d14bf49102a5a5faf30e1a_JoinedDate" hidden="1"/>
          <p:cNvSpPr txBox="1"/>
          <p:nvPr>
            <p:custDataLst>
              <p:tags r:id="rId101"/>
            </p:custDataLst>
          </p:nvPr>
        </p:nvSpPr>
        <p:spPr>
          <a:xfrm>
            <a:off x="0" y="4356100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18 - 10/3</a:t>
            </a:r>
          </a:p>
        </p:txBody>
      </p:sp>
      <p:sp>
        <p:nvSpPr>
          <p:cNvPr id="11591" name="OTLSHAPE_T_57f5429952d14bf49102a5a5faf30e1a_StartDate" hidden="1"/>
          <p:cNvSpPr txBox="1"/>
          <p:nvPr>
            <p:custDataLst>
              <p:tags r:id="rId102"/>
            </p:custDataLst>
          </p:nvPr>
        </p:nvSpPr>
        <p:spPr>
          <a:xfrm>
            <a:off x="0" y="4511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92" name="OTLSHAPE_T_57f5429952d14bf49102a5a5faf30e1a_EndDate" hidden="1"/>
          <p:cNvSpPr txBox="1"/>
          <p:nvPr>
            <p:custDataLst>
              <p:tags r:id="rId103"/>
            </p:custDataLst>
          </p:nvPr>
        </p:nvSpPr>
        <p:spPr>
          <a:xfrm>
            <a:off x="0" y="4511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93" name="OTLSHAPE_T_57f5429952d14bf49102a5a5faf30e1a_Duration"/>
          <p:cNvSpPr txBox="1"/>
          <p:nvPr>
            <p:custDataLst>
              <p:tags r:id="rId104"/>
            </p:custDataLst>
          </p:nvPr>
        </p:nvSpPr>
        <p:spPr>
          <a:xfrm>
            <a:off x="8760796" y="4363847"/>
            <a:ext cx="508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6">
                <a:solidFill>
                  <a:schemeClr val="lt1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1594" name="OTLSHAPE_T_57f5429952d14bf49102a5a5faf30e1a_Title"/>
          <p:cNvSpPr txBox="1"/>
          <p:nvPr>
            <p:custDataLst>
              <p:tags r:id="rId105"/>
            </p:custDataLst>
          </p:nvPr>
        </p:nvSpPr>
        <p:spPr>
          <a:xfrm>
            <a:off x="127000" y="4356100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rgbClr val="1E6598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11595" name="OTLSHAPE_T_b0ce345f5e2e422f9154b35d4c1d61d1_Shape"/>
          <p:cNvSpPr/>
          <p:nvPr>
            <p:custDataLst>
              <p:tags r:id="rId106"/>
            </p:custDataLst>
          </p:nvPr>
        </p:nvSpPr>
        <p:spPr>
          <a:xfrm>
            <a:off x="6679505" y="4644390"/>
            <a:ext cx="1752600" cy="155025"/>
          </a:xfrm>
          <a:prstGeom prst="chevron">
            <a:avLst/>
          </a:prstGeom>
          <a:solidFill>
            <a:srgbClr val="2683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96" name="OTLSHAPE_T_b0ce345f5e2e422f9154b35d4c1d61d1_ShapePercentage" hidden="1"/>
          <p:cNvSpPr/>
          <p:nvPr>
            <p:custDataLst>
              <p:tags r:id="rId107"/>
            </p:custDataLst>
          </p:nvPr>
        </p:nvSpPr>
        <p:spPr>
          <a:xfrm>
            <a:off x="6679505" y="464439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97" name="OTLSHAPE_T_b0ce345f5e2e422f9154b35d4c1d61d1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4636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98" name="OTLSHAPE_T_b0ce345f5e2e422f9154b35d4c1d61d1_JoinedDate" hidden="1"/>
          <p:cNvSpPr txBox="1"/>
          <p:nvPr>
            <p:custDataLst>
              <p:tags r:id="rId109"/>
            </p:custDataLst>
          </p:nvPr>
        </p:nvSpPr>
        <p:spPr>
          <a:xfrm>
            <a:off x="0" y="4636643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18 - 9/23</a:t>
            </a:r>
          </a:p>
        </p:txBody>
      </p:sp>
      <p:sp>
        <p:nvSpPr>
          <p:cNvPr id="11599" name="OTLSHAPE_T_b0ce345f5e2e422f9154b35d4c1d61d1_StartDate" hidden="1"/>
          <p:cNvSpPr txBox="1"/>
          <p:nvPr>
            <p:custDataLst>
              <p:tags r:id="rId110"/>
            </p:custDataLst>
          </p:nvPr>
        </p:nvSpPr>
        <p:spPr>
          <a:xfrm>
            <a:off x="0" y="4791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00" name="OTLSHAPE_T_b0ce345f5e2e422f9154b35d4c1d61d1_EndDate" hidden="1"/>
          <p:cNvSpPr txBox="1"/>
          <p:nvPr>
            <p:custDataLst>
              <p:tags r:id="rId111"/>
            </p:custDataLst>
          </p:nvPr>
        </p:nvSpPr>
        <p:spPr>
          <a:xfrm>
            <a:off x="0" y="4791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01" name="OTLSHAPE_T_b0ce345f5e2e422f9154b35d4c1d61d1_Duration"/>
          <p:cNvSpPr txBox="1"/>
          <p:nvPr>
            <p:custDataLst>
              <p:tags r:id="rId112"/>
            </p:custDataLst>
          </p:nvPr>
        </p:nvSpPr>
        <p:spPr>
          <a:xfrm>
            <a:off x="7392545" y="464439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602" name="OTLSHAPE_T_b0ce345f5e2e422f9154b35d4c1d61d1_Title"/>
          <p:cNvSpPr txBox="1"/>
          <p:nvPr>
            <p:custDataLst>
              <p:tags r:id="rId113"/>
            </p:custDataLst>
          </p:nvPr>
        </p:nvSpPr>
        <p:spPr>
          <a:xfrm>
            <a:off x="127000" y="4636643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rgbClr val="0070C0"/>
                </a:solidFill>
                <a:latin typeface="Calibri" panose="020F0502020204030204" pitchFamily="34" charset="0"/>
              </a:rPr>
              <a:t>Performance Enhancements</a:t>
            </a:r>
          </a:p>
        </p:txBody>
      </p:sp>
      <p:sp>
        <p:nvSpPr>
          <p:cNvPr id="11603" name="OTLSHAPE_T_d480600ded4042c48ee5e80e5b71a336_Shape"/>
          <p:cNvSpPr/>
          <p:nvPr>
            <p:custDataLst>
              <p:tags r:id="rId114"/>
            </p:custDataLst>
          </p:nvPr>
        </p:nvSpPr>
        <p:spPr>
          <a:xfrm>
            <a:off x="8430018" y="4878409"/>
            <a:ext cx="876300" cy="155025"/>
          </a:xfrm>
          <a:prstGeom prst="homePlate">
            <a:avLst/>
          </a:prstGeom>
          <a:solidFill>
            <a:srgbClr val="2683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04" name="OTLSHAPE_T_d480600ded4042c48ee5e80e5b71a336_ShapePercentage" hidden="1"/>
          <p:cNvSpPr/>
          <p:nvPr>
            <p:custDataLst>
              <p:tags r:id="rId115"/>
            </p:custDataLst>
          </p:nvPr>
        </p:nvSpPr>
        <p:spPr>
          <a:xfrm>
            <a:off x="8430018" y="487840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05" name="OTLSHAPE_T_d480600ded4042c48ee5e80e5b71a336_TextPercentage" hidden="1"/>
          <p:cNvSpPr txBox="1"/>
          <p:nvPr>
            <p:custDataLst>
              <p:tags r:id="rId116"/>
            </p:custDataLst>
          </p:nvPr>
        </p:nvSpPr>
        <p:spPr>
          <a:xfrm>
            <a:off x="0" y="48706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06" name="OTLSHAPE_T_d480600ded4042c48ee5e80e5b71a336_JoinedDate" hidden="1"/>
          <p:cNvSpPr txBox="1"/>
          <p:nvPr>
            <p:custDataLst>
              <p:tags r:id="rId117"/>
            </p:custDataLst>
          </p:nvPr>
        </p:nvSpPr>
        <p:spPr>
          <a:xfrm>
            <a:off x="0" y="487066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24 - 9/26</a:t>
            </a:r>
          </a:p>
        </p:txBody>
      </p:sp>
      <p:sp>
        <p:nvSpPr>
          <p:cNvPr id="11607" name="OTLSHAPE_T_d480600ded4042c48ee5e80e5b71a336_StartDate" hidden="1"/>
          <p:cNvSpPr txBox="1"/>
          <p:nvPr>
            <p:custDataLst>
              <p:tags r:id="rId118"/>
            </p:custDataLst>
          </p:nvPr>
        </p:nvSpPr>
        <p:spPr>
          <a:xfrm>
            <a:off x="0" y="50256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08" name="OTLSHAPE_T_d480600ded4042c48ee5e80e5b71a336_EndDate" hidden="1"/>
          <p:cNvSpPr txBox="1"/>
          <p:nvPr>
            <p:custDataLst>
              <p:tags r:id="rId119"/>
            </p:custDataLst>
          </p:nvPr>
        </p:nvSpPr>
        <p:spPr>
          <a:xfrm>
            <a:off x="0" y="50256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09" name="OTLSHAPE_T_d480600ded4042c48ee5e80e5b71a336_Duration"/>
          <p:cNvSpPr txBox="1"/>
          <p:nvPr>
            <p:custDataLst>
              <p:tags r:id="rId120"/>
            </p:custDataLst>
          </p:nvPr>
        </p:nvSpPr>
        <p:spPr>
          <a:xfrm>
            <a:off x="8705429" y="487840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1610" name="OTLSHAPE_T_d480600ded4042c48ee5e80e5b71a336_Title"/>
          <p:cNvSpPr txBox="1"/>
          <p:nvPr>
            <p:custDataLst>
              <p:tags r:id="rId121"/>
            </p:custDataLst>
          </p:nvPr>
        </p:nvSpPr>
        <p:spPr>
          <a:xfrm>
            <a:off x="127000" y="4870662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rgbClr val="0070C0"/>
                </a:solidFill>
                <a:latin typeface="Calibri" panose="020F0502020204030204" pitchFamily="34" charset="0"/>
              </a:rPr>
              <a:t>Resource Optimization</a:t>
            </a:r>
          </a:p>
        </p:txBody>
      </p:sp>
      <p:sp>
        <p:nvSpPr>
          <p:cNvPr id="11611" name="OTLSHAPE_T_2f8fa4073845497c985961879fe02bd9_Shape"/>
          <p:cNvSpPr/>
          <p:nvPr>
            <p:custDataLst>
              <p:tags r:id="rId122"/>
            </p:custDataLst>
          </p:nvPr>
        </p:nvSpPr>
        <p:spPr>
          <a:xfrm>
            <a:off x="9305274" y="5112427"/>
            <a:ext cx="2044700" cy="155025"/>
          </a:xfrm>
          <a:prstGeom prst="chevron">
            <a:avLst/>
          </a:prstGeom>
          <a:solidFill>
            <a:srgbClr val="2683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612" name="OTLSHAPE_T_2f8fa4073845497c985961879fe02bd9_ShapePercentage" hidden="1"/>
          <p:cNvSpPr/>
          <p:nvPr>
            <p:custDataLst>
              <p:tags r:id="rId123"/>
            </p:custDataLst>
          </p:nvPr>
        </p:nvSpPr>
        <p:spPr>
          <a:xfrm>
            <a:off x="9305274" y="5112427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613" name="OTLSHAPE_T_2f8fa4073845497c985961879fe02bd9_TextPercentage" hidden="1"/>
          <p:cNvSpPr txBox="1"/>
          <p:nvPr>
            <p:custDataLst>
              <p:tags r:id="rId124"/>
            </p:custDataLst>
          </p:nvPr>
        </p:nvSpPr>
        <p:spPr>
          <a:xfrm>
            <a:off x="0" y="5104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14" name="OTLSHAPE_T_2f8fa4073845497c985961879fe02bd9_JoinedDate" hidden="1"/>
          <p:cNvSpPr txBox="1"/>
          <p:nvPr>
            <p:custDataLst>
              <p:tags r:id="rId125"/>
            </p:custDataLst>
          </p:nvPr>
        </p:nvSpPr>
        <p:spPr>
          <a:xfrm>
            <a:off x="0" y="5104680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27 - 10/3</a:t>
            </a:r>
          </a:p>
        </p:txBody>
      </p:sp>
      <p:sp>
        <p:nvSpPr>
          <p:cNvPr id="11615" name="OTLSHAPE_T_2f8fa4073845497c985961879fe02bd9_StartDate" hidden="1"/>
          <p:cNvSpPr txBox="1"/>
          <p:nvPr>
            <p:custDataLst>
              <p:tags r:id="rId126"/>
            </p:custDataLst>
          </p:nvPr>
        </p:nvSpPr>
        <p:spPr>
          <a:xfrm>
            <a:off x="0" y="525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16" name="OTLSHAPE_T_2f8fa4073845497c985961879fe02bd9_EndDate" hidden="1"/>
          <p:cNvSpPr txBox="1"/>
          <p:nvPr>
            <p:custDataLst>
              <p:tags r:id="rId127"/>
            </p:custDataLst>
          </p:nvPr>
        </p:nvSpPr>
        <p:spPr>
          <a:xfrm>
            <a:off x="0" y="525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17" name="OTLSHAPE_T_2f8fa4073845497c985961879fe02bd9_Duration"/>
          <p:cNvSpPr txBox="1"/>
          <p:nvPr>
            <p:custDataLst>
              <p:tags r:id="rId128"/>
            </p:custDataLst>
          </p:nvPr>
        </p:nvSpPr>
        <p:spPr>
          <a:xfrm>
            <a:off x="10164189" y="511242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618" name="OTLSHAPE_T_2f8fa4073845497c985961879fe02bd9_Title"/>
          <p:cNvSpPr txBox="1"/>
          <p:nvPr>
            <p:custDataLst>
              <p:tags r:id="rId129"/>
            </p:custDataLst>
          </p:nvPr>
        </p:nvSpPr>
        <p:spPr>
          <a:xfrm>
            <a:off x="127000" y="5104680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rgbClr val="0070C0"/>
                </a:solidFill>
                <a:latin typeface="Calibri" panose="020F0502020204030204" pitchFamily="34" charset="0"/>
              </a:rPr>
              <a:t>Website Responsiveness</a:t>
            </a:r>
          </a:p>
        </p:txBody>
      </p:sp>
      <p:sp>
        <p:nvSpPr>
          <p:cNvPr id="11619" name="OTLSHAPE_T_452ffbff643449bf898b842030269d79_Shape"/>
          <p:cNvSpPr/>
          <p:nvPr>
            <p:custDataLst>
              <p:tags r:id="rId130"/>
            </p:custDataLst>
          </p:nvPr>
        </p:nvSpPr>
        <p:spPr>
          <a:xfrm>
            <a:off x="9305274" y="5346446"/>
            <a:ext cx="1752600" cy="155025"/>
          </a:xfrm>
          <a:prstGeom prst="homePlate">
            <a:avLst/>
          </a:prstGeom>
          <a:solidFill>
            <a:srgbClr val="2683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20" name="OTLSHAPE_T_452ffbff643449bf898b842030269d79_ShapePercentage" hidden="1"/>
          <p:cNvSpPr/>
          <p:nvPr>
            <p:custDataLst>
              <p:tags r:id="rId131"/>
            </p:custDataLst>
          </p:nvPr>
        </p:nvSpPr>
        <p:spPr>
          <a:xfrm>
            <a:off x="9305274" y="534644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21" name="OTLSHAPE_T_452ffbff643449bf898b842030269d79_TextPercentage" hidden="1"/>
          <p:cNvSpPr txBox="1"/>
          <p:nvPr>
            <p:custDataLst>
              <p:tags r:id="rId132"/>
            </p:custDataLst>
          </p:nvPr>
        </p:nvSpPr>
        <p:spPr>
          <a:xfrm>
            <a:off x="0" y="53386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22" name="OTLSHAPE_T_452ffbff643449bf898b842030269d79_JoinedDate" hidden="1"/>
          <p:cNvSpPr txBox="1"/>
          <p:nvPr>
            <p:custDataLst>
              <p:tags r:id="rId133"/>
            </p:custDataLst>
          </p:nvPr>
        </p:nvSpPr>
        <p:spPr>
          <a:xfrm>
            <a:off x="0" y="533869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9/27 - 10/2</a:t>
            </a:r>
          </a:p>
        </p:txBody>
      </p:sp>
      <p:sp>
        <p:nvSpPr>
          <p:cNvPr id="11623" name="OTLSHAPE_T_452ffbff643449bf898b842030269d79_StartDate" hidden="1"/>
          <p:cNvSpPr txBox="1"/>
          <p:nvPr>
            <p:custDataLst>
              <p:tags r:id="rId134"/>
            </p:custDataLst>
          </p:nvPr>
        </p:nvSpPr>
        <p:spPr>
          <a:xfrm>
            <a:off x="0" y="54937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24" name="OTLSHAPE_T_452ffbff643449bf898b842030269d79_EndDate" hidden="1"/>
          <p:cNvSpPr txBox="1"/>
          <p:nvPr>
            <p:custDataLst>
              <p:tags r:id="rId135"/>
            </p:custDataLst>
          </p:nvPr>
        </p:nvSpPr>
        <p:spPr>
          <a:xfrm>
            <a:off x="0" y="54937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25" name="OTLSHAPE_T_452ffbff643449bf898b842030269d79_Duration"/>
          <p:cNvSpPr txBox="1"/>
          <p:nvPr>
            <p:custDataLst>
              <p:tags r:id="rId136"/>
            </p:custDataLst>
          </p:nvPr>
        </p:nvSpPr>
        <p:spPr>
          <a:xfrm>
            <a:off x="10018313" y="534644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626" name="OTLSHAPE_T_452ffbff643449bf898b842030269d79_Title"/>
          <p:cNvSpPr txBox="1"/>
          <p:nvPr>
            <p:custDataLst>
              <p:tags r:id="rId137"/>
            </p:custDataLst>
          </p:nvPr>
        </p:nvSpPr>
        <p:spPr>
          <a:xfrm>
            <a:off x="127000" y="5338699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rgbClr val="0070C0"/>
                </a:solidFill>
                <a:latin typeface="Calibri" panose="020F0502020204030204" pitchFamily="34" charset="0"/>
              </a:rPr>
              <a:t>Automate Testing</a:t>
            </a:r>
          </a:p>
        </p:txBody>
      </p:sp>
      <p:sp>
        <p:nvSpPr>
          <p:cNvPr id="138" name="Title 1"/>
          <p:cNvSpPr txBox="1">
            <a:spLocks/>
          </p:cNvSpPr>
          <p:nvPr/>
        </p:nvSpPr>
        <p:spPr>
          <a:xfrm>
            <a:off x="1111547" y="355072"/>
            <a:ext cx="7318471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200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Agile Task Manageme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125710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RIGINALOTLDOMUPGRADED" val="{&quot;$id&quot;:&quot;1&quot;,&quot;RenderingOptions&quot;:{&quot;$id&quot;:&quot;2&quot;,&quot;MilestonesOverlappingHandlingOptions&quot;:2,&quot;TasksWithTitlesLongerThanTheTaskShapeDetected&quot;:false},&quot;RenderingMap&quot;:{&quot;$id&quot;:&quot;3&quot;,&quot;Milestones&quot;:[{&quot;$id&quot;:&quot;4&quot;,&quot;MilestoneId&quot;:&quot;deee0f4a-1736-45f1-80ac-d79a9a375677&quot;,&quot;TitleShapeName&quot;:&quot;TextBox 9308&quot;,&quot;DateShapeName&quot;:&quot;TextBox 9312&quot;,&quot;MarkerShapeName&quot;:&quot;5-Point Star 9305&quot;,&quot;ConnectorShapeName&quot;:&quot;Straight Connector 9316&quot;},{&quot;$id&quot;:&quot;5&quot;,&quot;MilestoneId&quot;:&quot;5aa040aa-fb6e-4111-9243-9c8d00bcd6df&quot;,&quot;TitleShapeName&quot;:&quot;TextBox 9323&quot;,&quot;DateShapeName&quot;:&quot;TextBox 9327&quot;,&quot;MarkerShapeName&quot;:&quot;Down Arrow 9320&quot;,&quot;ConnectorShapeName&quot;:&quot;Straight Connector 9331&quot;},{&quot;$id&quot;:&quot;6&quot;,&quot;MilestoneId&quot;:&quot;e58fe382-ac9c-4fba-9888-eb94f5ce08f8&quot;,&quot;TitleShapeName&quot;:&quot;TextBox 9338&quot;,&quot;DateShapeName&quot;:&quot;TextBox 9341&quot;,&quot;MarkerShapeName&quot;:&quot;Down Arrow 9334&quot;,&quot;ConnectorShapeName&quot;:&quot;Straight Connector 9344&quot;},{&quot;$id&quot;:&quot;7&quot;,&quot;MilestoneId&quot;:&quot;26c928c3-e36b-4a2d-836f-0b5f31ef08d2&quot;,&quot;TitleShapeName&quot;:&quot;TextBox 9358&quot;,&quot;DateShapeName&quot;:&quot;TextBox 9361&quot;,&quot;MarkerShapeName&quot;:&quot;Flowchart: Merge 9354&quot;,&quot;ConnectorShapeName&quot;:&quot;Straight Connector 9365&quot;},{&quot;$id&quot;:&quot;8&quot;,&quot;MilestoneId&quot;:&quot;ccd9ec8f-2afa-4259-a768-f5e413e3b544&quot;,&quot;TitleShapeName&quot;:&quot;TextBox 9376&quot;,&quot;DateShapeName&quot;:&quot;TextBox 9379&quot;,&quot;MarkerShapeName&quot;:&quot;Flowchart: Merge 9372&quot;,&quot;ConnectorShapeName&quot;:&quot;Straight Connector 9382&quot;}],&quot;Tasks&quot;:[{&quot;$id&quot;:&quot;9&quot;,&quot;TaskId&quot;:&quot;3a687154-04b5-435a-b4a4-87ba7219617a&quot;,&quot;TitleShapeName&quot;:&quot;TextBox 9401&quot;,&quot;DurationTextShapeName&quot;:&quot;TextBox 9428&quot;,&quot;SegmentShapeName&quot;:&quot;Left-Right Arrow 9395&quot;,&quot;VerticalLeftConnectorShapeName&quot;:&quot;Straight Connector 9443&quot;,&quot;VerticalRightConnectorShapeName&quot;:&quot;Straight Connector 9445&quot;,&quot;HorizontalConnectorShapeName&quot;:&quot;Straight Connector 9441&quot;,&quot;LeftDateShapeName&quot;:&quot;TextBox 9433&quot;,&quot;RightDateShapeName&quot;:&quot;TextBox 9437&quot;,&quot;OutsidePercentageShapeName&quot;:null,&quot;InsidePercentageShapeName&quot;:null},{&quot;$id&quot;:&quot;10&quot;,&quot;TaskId&quot;:&quot;48541c08-b826-4880-b5f5-e24c9c19489c&quot;,&quot;TitleShapeName&quot;:&quot;TextBox 9455&quot;,&quot;DurationTextShapeName&quot;:&quot;TextBox 9470&quot;,&quot;SegmentShapeName&quot;:&quot;Pentagon 9452&quot;,&quot;VerticalLeftConnectorShapeName&quot;:&quot;Straight Connector 9007&quot;,&quot;VerticalRightConnectorShapeName&quot;:&quot;Straight Connector 9013&quot;,&quot;HorizontalConnectorShapeName&quot;:&quot;Straight Connector 9001&quot;,&quot;LeftDateShapeName&quot;:&quot;TextBox 8993&quot;,&quot;RightDateShapeName&quot;:&quot;TextBox 8996&quot;,&quot;OutsidePercentageShapeName&quot;:null,&quot;InsidePercentageShapeName&quot;:null},{&quot;$id&quot;:&quot;11&quot;,&quot;TaskId&quot;:&quot;59ca60aa-1ba9-48a7-9516-fa0118865308&quot;,&quot;TitleShapeName&quot;:&quot;TextBox 9040&quot;,&quot;DurationTextShapeName&quot;:&quot;TextBox 9067&quot;,&quot;SegmentShapeName&quot;:&quot;Pentagon 9033&quot;,&quot;VerticalLeftConnectorShapeName&quot;:&quot;Straight Connector 9082&quot;,&quot;VerticalRightConnectorShapeName&quot;:&quot;Straight Connector 9086&quot;,&quot;HorizontalConnectorShapeName&quot;:&quot;Straight Connector 9079&quot;,&quot;LeftDateShapeName&quot;:&quot;TextBox 9072&quot;,&quot;RightDateShapeName&quot;:&quot;TextBox 9075&quot;,&quot;OutsidePercentageShapeName&quot;:null,&quot;InsidePercentageShapeName&quot;:null},{&quot;$id&quot;:&quot;12&quot;,&quot;TaskId&quot;:&quot;78be7d91-0818-4754-b055-89e65c41c421&quot;,&quot;TitleShapeName&quot;:&quot;TextBox 9104&quot;,&quot;DurationTextShapeName&quot;:&quot;TextBox 9130&quot;,&quot;SegmentShapeName&quot;:&quot;Chevron 9098&quot;,&quot;VerticalLeftConnectorShapeName&quot;:&quot;Straight Connector 9147&quot;,&quot;VerticalRightConnectorShapeName&quot;:&quot;Straight Connector 9151&quot;,&quot;HorizontalConnectorShapeName&quot;:&quot;Straight Connector 9143&quot;,&quot;LeftDateShapeName&quot;:&quot;TextBox 9136&quot;,&quot;RightDateShapeName&quot;:&quot;TextBox 9140&quot;,&quot;OutsidePercentageShapeName&quot;:null,&quot;InsidePercentageShapeName&quot;:null},{&quot;$id&quot;:&quot;13&quot;,&quot;TaskId&quot;:&quot;836c357d-b408-4b50-807d-dd27b87cbdc3&quot;,&quot;TitleShapeName&quot;:&quot;TextBox 9168&quot;,&quot;DurationTextShapeName&quot;:&quot;TextBox 9202&quot;,&quot;SegmentShapeName&quot;:&quot;Right Arrow 9163&quot;,&quot;VerticalLeftConnectorShapeName&quot;:&quot;Straight Connector 9212&quot;,&quot;VerticalRightConnectorShapeName&quot;:&quot;Straight Connector 9215&quot;,&quot;HorizontalConnectorShapeName&quot;:&quot;Straight Connector 9208&quot;,&quot;LeftDateShapeName&quot;:&quot;TextBox 9196&quot;,&quot;RightDateShapeName&quot;:&quot;TextBox 9199&quot;,&quot;OutsidePercentageShapeName&quot;:null,&quot;InsidePercentageShapeName&quot;:null},{&quot;$id&quot;:&quot;14&quot;,&quot;TaskId&quot;:&quot;57f54299-52d1-4bf4-9102-a5a5faf30e1a&quot;,&quot;TitleShapeName&quot;:&quot;TextBox 9233&quot;,&quot;DurationTextShapeName&quot;:&quot;TextBox 9261&quot;,&quot;SegmentShapeName&quot;:&quot;Left-Right Arrow 9228&quot;,&quot;VerticalLeftConnectorShapeName&quot;:&quot;Straight Connector 9276&quot;,&quot;VerticalRightConnectorShapeName&quot;:&quot;Straight Connector 9471&quot;,&quot;HorizontalConnectorShapeName&quot;:&quot;Straight Connector 9272&quot;,&quot;LeftDateShapeName&quot;:&quot;TextBox 9266&quot;,&quot;RightDateShapeName&quot;:&quot;TextBox 9269&quot;,&quot;OutsidePercentageShapeName&quot;:null,&quot;InsidePercentageShapeName&quot;:null},{&quot;$id&quot;:&quot;15&quot;,&quot;TaskId&quot;:&quot;b0ce345f-5e2e-422f-9154-b35d4c1d61d1&quot;,&quot;TitleShapeName&quot;:&quot;TextBox 9481&quot;,&quot;DurationTextShapeName&quot;:&quot;TextBox 9496&quot;,&quot;SegmentShapeName&quot;:&quot;Chevron 9478&quot;,&quot;VerticalLeftConnectorShapeName&quot;:&quot;Straight Connector 9505&quot;,&quot;VerticalRightConnectorShapeName&quot;:&quot;Straight Connector 9507&quot;,&quot;HorizontalConnectorShapeName&quot;:&quot;Straight Connector 9503&quot;,&quot;LeftDateShapeName&quot;:&quot;TextBox 9499&quot;,&quot;RightDateShapeName&quot;:&quot;TextBox 9501&quot;,&quot;OutsidePercentageShapeName&quot;:null,&quot;InsidePercentageShapeName&quot;:null},{&quot;$id&quot;:&quot;16&quot;,&quot;TaskId&quot;:&quot;d480600d-ed40-42c4-8ee5-e80e5b71a336&quot;,&quot;TitleShapeName&quot;:&quot;TextBox 9517&quot;,&quot;DurationTextShapeName&quot;:&quot;TextBox 9532&quot;,&quot;SegmentShapeName&quot;:&quot;Pentagon 9514&quot;,&quot;VerticalLeftConnectorShapeName&quot;:&quot;Straight Connector 9541&quot;,&quot;VerticalRightConnectorShapeName&quot;:&quot;Straight Connector 9543&quot;,&quot;HorizontalConnectorShapeName&quot;:&quot;Straight Connector 9539&quot;,&quot;LeftDateShapeName&quot;:&quot;TextBox 9535&quot;,&quot;RightDateShapeName&quot;:&quot;TextBox 9537&quot;,&quot;OutsidePercentageShapeName&quot;:null,&quot;InsidePercentageShapeName&quot;:null},{&quot;$id&quot;:&quot;17&quot;,&quot;TaskId&quot;:&quot;2f8fa407-3845-497c-9859-61879fe02bd9&quot;,&quot;TitleShapeName&quot;:&quot;TextBox 9553&quot;,&quot;DurationTextShapeName&quot;:&quot;TextBox 9568&quot;,&quot;SegmentShapeName&quot;:&quot;Chevron 9550&quot;,&quot;VerticalLeftConnectorShapeName&quot;:&quot;Straight Connector 9577&quot;,&quot;VerticalRightConnectorShapeName&quot;:&quot;Straight Connector 9579&quot;,&quot;HorizontalConnectorShapeName&quot;:&quot;Straight Connector 9575&quot;,&quot;LeftDateShapeName&quot;:&quot;TextBox 9571&quot;,&quot;RightDateShapeName&quot;:&quot;TextBox 9573&quot;,&quot;OutsidePercentageShapeName&quot;:null,&quot;InsidePercentageShapeName&quot;:null},{&quot;$id&quot;:&quot;18&quot;,&quot;TaskId&quot;:&quot;452ffbff-6434-49bf-898b-842030269d79&quot;,&quot;TitleShapeName&quot;:&quot;TextBox 9589&quot;,&quot;DurationTextShapeName&quot;:&quot;TextBox 9604&quot;,&quot;SegmentShapeName&quot;:&quot;Pentagon 9586&quot;,&quot;VerticalLeftConnectorShapeName&quot;:&quot;Straight Connector 9613&quot;,&quot;VerticalRightConnectorShapeName&quot;:&quot;Straight Connector 9615&quot;,&quot;HorizontalConnectorShapeName&quot;:&quot;Straight Connector 9611&quot;,&quot;LeftDateShapeName&quot;:&quot;TextBox 9607&quot;,&quot;RightDateShapeName&quot;:&quot;TextBox 9609&quot;,&quot;OutsidePercentageShapeName&quot;:null,&quot;InsidePercentageShapeName&quot;:null}],&quot;Timeband&quot;:{&quot;$id&quot;:&quot;19&quot;,&quot;ElapsedTimeShapeName&quot;:&quot;Rectangle 9297&quot;,&quot;TodayMarkerShapeName&quot;:&quot;Isosceles Triangle 9300&quot;,&quot;TodayMarkerTextShapeName&quot;:&quot;TextBox 9302&quot;,&quot;RightEndCapsShapeName&quot;:null,&quot;LeftEndCapsShapeName&quot;:null,&quot;ElapsedRectangleShapeName&quot;:null,&quot;SegmentShapesNames&quot;:[&quot;Rectangle 3&quot;,&quot;TextBox 5&quot;,&quot;Straight Connector 7&quot;,&quot;TextBox 8&quot;,&quot;Straight Connector 10&quot;,&quot;TextBox 11&quot;,&quot;Straight Connector 13&quot;,&quot;TextBox 14&quot;,&quot;Straight Connector 16&quot;,&quot;TextBox 17&quot;,&quot;Straight Connector 19&quot;,&quot;TextBox 20&quot;,&quot;Straight Connector 22&quot;,&quot;TextBox 23&quot;,&quot;Straight Connector 25&quot;,&quot;TextBox 26&quot;,&quot;Straight Connector 28&quot;,&quot;TextBox 29&quot;,&quot;Straight Connector 9280&quot;,&quot;TextBox 9282&quot;,&quot;Straight Connector 9286&quot;,&quot;TextBox 9287&quot;,&quot;Straight Connector 9291&quot;,&quot;TextBox 9293&quot;]}},&quot;Edition&quot;:1,&quot;IsPlusEdition&quot;:true,&quot;CultureInfoName&quot;:&quot;en-US&quot;,&quot;Version&quot;:&quot;2.3.0.0&quot;,&quot;OriginalAssemblyVersion&quot;:&quot;2.02.01.00&quot;,&quot;Milestones&quot;:[{&quot;$id&quot;:&quot;20&quot;,&quot;DateFormat&quot;:{&quot;$id&quot;:&quot;21&quot;,&quot;FormatString&quot;:&quot;MMM d&quot;,&quot;Separator&quot;:&quot;/&quot;,&quot;UseInternationalDateFormat&quot;:false},&quot;InternalId&quot;:&quot;ccd9ec8f-2afa-4259-a768-f5e413e3b544&quot;,&quot;TitleLeft&quot;:146.55,&quot;TitleTop&quot;:114.845909,&quot;TitleHeight&quot;:10.66315,&quot;TitleTopIsCustom&quot;:false,&quot;TitleWidth&quot;:56.75,&quot;Color&quot;:&quot;150, 214, 66&quot;,&quot;UtcDate&quot;:&quot;2014-08-29T00:00:00Z&quot;,&quot;Note&quot;:null,&quot;Title&quot;:&quot;Milestone 1&quot;,&quot;Style&quot;:2,&quot;BelowTimeband&quot;:false,&quot;CustomSettings&quot;:{&quot;$id&quot;:&quot;22&quot;,&quot;IsDateVisible&quot;:true,&quot;TitleFontSettings&quot;:{&quot;$id&quot;:&quot;23&quot;,&quot;FontSize&quot;:11,&quot;FontName&quot;:&quot;Calibri&quot;,&quot;IsBold&quot;:true,&quot;IsItalic&quot;:false,&quot;IsUnderlined&quot;:false,&quot;ForegroundColor&quot;:&quot;Black&quot;,&quot;BackColor&quot;:null},&quot;DateFontSettings&quot;:{&quot;$id&quot;:&quot;24&quot;,&quot;FontSize&quot;:10,&quot;FontName&quot;:&quot;Calibri&quot;,&quot;IsBold&quot;:false,&quot;IsItalic&quot;:false,&quot;IsUnderlined&quot;:false,&quot;ForegroundColor&quot;:&quot;68, 84, 106&quot;,&quot;BackColor&quot;:null},&quot;ConnectorSettings&quot;:{&quot;$id&quot;:&quot;25&quot;,&quot;Color&quot;:&quot;150, 214, 66&quot;,&quot;IsVisible&quot;:false,&quot;LineWeight&quot;:0.1}},&quot;HideDate&quot;:false,&quot;ShapeTop&quot;:120.736061,&quot;QuickShapeSize&quot;:1,&quot;IsVisible&quot;:true},{&quot;$id&quot;:&quot;26&quot;,&quot;DateFormat&quot;:{&quot;$id&quot;:&quot;27&quot;,&quot;FormatString&quot;:&quot;MMM d&quot;,&quot;Separator&quot;:&quot;/&quot;,&quot;UseInternationalDateFormat&quot;:false},&quot;InternalId&quot;:&quot;26c928c3-e36b-4a2d-836f-0b5f31ef08d2&quot;,&quot;TitleLeft&quot;:264.95,&quot;TitleTop&quot;:76.79795,&quot;TitleHeight&quot;:10.66315,&quot;TitleTopIsCustom&quot;:false,&quot;TitleWidth&quot;:59.25,&quot;Color&quot;:&quot;150, 214, 66&quot;,&quot;UtcDate&quot;:&quot;2014-09-04T00:00:00Z&quot;,&quot;Note&quot;:null,&quot;Title&quot;:&quot;Milestone  2&quot;,&quot;Style&quot;:2,&quot;BelowTimeband&quot;:false,&quot;CustomSettings&quot;:{&quot;$id&quot;:&quot;28&quot;,&quot;IsDateVisible&quot;:true,&quot;TitleFontSettings&quot;:{&quot;$id&quot;:&quot;29&quot;,&quot;FontSize&quot;:11,&quot;FontName&quot;:&quot;Calibri&quot;,&quot;IsBold&quot;:true,&quot;IsItalic&quot;:false,&quot;IsUnderlined&quot;:false,&quot;ForegroundColor&quot;:&quot;Black&quot;,&quot;BackColor&quot;:null},&quot;DateFontSettings&quot;:{&quot;$id&quot;:&quot;30&quot;,&quot;FontSize&quot;:10,&quot;FontName&quot;:&quot;Calibri&quot;,&quot;IsBold&quot;:false,&quot;IsItalic&quot;:false,&quot;IsUnderlined&quot;:false,&quot;ForegroundColor&quot;:&quot;68, 84, 106&quot;,&quot;BackColor&quot;:null},&quot;ConnectorSettings&quot;:{&quot;$id&quot;:&quot;31&quot;,&quot;Color&quot;:&quot;150, 214, 66&quot;,&quot;IsVisible&quot;:false,&quot;LineWeight&quot;:0.1}},&quot;HideDate&quot;:false,&quot;ShapeTop&quot;:82.68811,&quot;QuickShapeSize&quot;:1,&quot;IsVisible&quot;:true},{&quot;$id&quot;:&quot;32&quot;,&quot;DateFormat&quot;:{&quot;$id&quot;:&quot;33&quot;,&quot;FormatString&quot;:&quot;MMM d&quot;,&quot;Separator&quot;:&quot;/&quot;,&quot;UseInternationalDateFormat&quot;:false},&quot;InternalId&quot;:&quot;e58fe382-ac9c-4fba-9888-eb94f5ce08f8&quot;,&quot;TitleLeft&quot;:274.024963,&quot;TitleTop&quot;:120.952049,&quot;TitleHeight&quot;:10.66315,&quot;TitleTopIsCustom&quot;:true,&quot;TitleWidth&quot;:56.75,&quot;Color&quot;:&quot;178, 14, 18&quot;,&quot;UtcDate&quot;:&quot;2014-09-07T00:00:00Z&quot;,&quot;Note&quot;:null,&quot;Title&quot;:&quot;Milestone 3&quot;,&quot;Style&quot;:11,&quot;BelowTimeband&quot;:false,&quot;CustomSettings&quot;:{&quot;$id&quot;:&quot;34&quot;,&quot;IsDateVisible&quot;:true,&quot;TitleFontSettings&quot;:{&quot;$id&quot;:&quot;35&quot;,&quot;FontSize&quot;:11,&quot;FontName&quot;:&quot;Calibri&quot;,&quot;IsBold&quot;:true,&quot;IsItalic&quot;:false,&quot;IsUnderlined&quot;:false,&quot;ForegroundColor&quot;:&quot;Black&quot;,&quot;BackColor&quot;:null},&quot;DateFontSettings&quot;:{&quot;$id&quot;:&quot;36&quot;,&quot;FontSize&quot;:10,&quot;FontName&quot;:&quot;Calibri&quot;,&quot;IsBold&quot;:false,&quot;IsItalic&quot;:false,&quot;IsUnderlined&quot;:false,&quot;ForegroundColor&quot;:&quot;68, 84, 106&quot;,&quot;BackColor&quot;:null},&quot;ConnectorSettings&quot;:{&quot;$id&quot;:&quot;37&quot;,&quot;Color&quot;:&quot;178, 14, 18&quot;,&quot;IsVisible&quot;:false,&quot;LineWeight&quot;:0.1}},&quot;HideDate&quot;:false,&quot;ShapeTop&quot;:null,&quot;QuickShapeSize&quot;:1,&quot;IsVisible&quot;:true},{&quot;$id&quot;:&quot;38&quot;,&quot;DateFormat&quot;:{&quot;$id&quot;:&quot;39&quot;,&quot;FormatString&quot;:&quot;MMM d&quot;,&quot;Separator&quot;:&quot;/&quot;,&quot;UseInternationalDateFormat&quot;:false},&quot;InternalId&quot;:&quot;5aa040aa-fb6e-4111-9243-9c8d00bcd6df&quot;,&quot;TitleLeft&quot;:491.091644,&quot;TitleTop&quot;:120.952049,&quot;TitleHeight&quot;:10.66315,&quot;TitleTopIsCustom&quot;:true,&quot;TitleWidth&quot;:56.75,&quot;Color&quot;:&quot;150, 214, 66&quot;,&quot;UtcDate&quot;:&quot;2014-09-18T00:00:00Z&quot;,&quot;Note&quot;:null,&quot;Title&quot;:&quot;Milestone 4&quot;,&quot;Style&quot;:11,&quot;BelowTimeband&quot;:false,&quot;CustomSettings&quot;:{&quot;$id&quot;:&quot;40&quot;,&quot;IsDateVisible&quot;:true,&quot;TitleFontSettings&quot;:{&quot;$id&quot;:&quot;41&quot;,&quot;FontSize&quot;:11,&quot;FontName&quot;:&quot;Calibri&quot;,&quot;IsBold&quot;:true,&quot;IsItalic&quot;:false,&quot;IsUnderlined&quot;:false,&quot;ForegroundColor&quot;:&quot;Black&quot;,&quot;BackColor&quot;:null},&quot;DateFontSettings&quot;:{&quot;$id&quot;:&quot;42&quot;,&quot;FontSize&quot;:10,&quot;FontName&quot;:&quot;Calibri&quot;,&quot;IsBold&quot;:false,&quot;IsItalic&quot;:false,&quot;IsUnderlined&quot;:false,&quot;ForegroundColor&quot;:&quot;68, 84, 106&quot;,&quot;BackColor&quot;:null},&quot;ConnectorSettings&quot;:{&quot;$id&quot;:&quot;43&quot;,&quot;Color&quot;:&quot;150, 214, 66&quot;,&quot;IsVisible&quot;:false,&quot;LineWeight&quot;:0.1}},&quot;HideDate&quot;:false,&quot;ShapeTop&quot;:null,&quot;QuickShapeSize&quot;:1,&quot;IsVisible&quot;:true},{&quot;$id&quot;:&quot;44&quot;,&quot;DateFormat&quot;:{&quot;$id&quot;:&quot;45&quot;,&quot;FormatString&quot;:&quot;MMM d&quot;,&quot;Separator&quot;:&quot;/&quot;,&quot;UseInternationalDateFormat&quot;:false},&quot;InternalId&quot;:&quot;deee0f4a-1736-45f1-80ac-d79a9a375677&quot;,&quot;TitleLeft&quot;:787.0917,&quot;TitleTop&quot;:120.952049,&quot;TitleHeight&quot;:10.66315,&quot;TitleTopIsCustom&quot;:true,&quot;TitleWidth&quot;:56.75,&quot;Color&quot;:&quot;178, 14, 18&quot;,&quot;UtcDate&quot;:&quot;2014-10-03T00:00:00Z&quot;,&quot;Note&quot;:null,&quot;Title&quot;:&quot;Milestone 5&quot;,&quot;Style&quot;:13,&quot;BelowTimeband&quot;:false,&quot;CustomSettings&quot;:{&quot;$id&quot;:&quot;46&quot;,&quot;IsDateVisible&quot;:true,&quot;TitleFontSettings&quot;:{&quot;$id&quot;:&quot;47&quot;,&quot;FontSize&quot;:11,&quot;FontName&quot;:&quot;Calibri&quot;,&quot;IsBold&quot;:true,&quot;IsItalic&quot;:false,&quot;IsUnderlined&quot;:false,&quot;ForegroundColor&quot;:&quot;Black&quot;,&quot;BackColor&quot;:null},&quot;DateFontSettings&quot;:{&quot;$id&quot;:&quot;48&quot;,&quot;FontSize&quot;:10,&quot;FontName&quot;:&quot;Calibri&quot;,&quot;IsBold&quot;:false,&quot;IsItalic&quot;:false,&quot;IsUnderlined&quot;:false,&quot;ForegroundColor&quot;:&quot;68, 84, 106&quot;,&quot;BackColor&quot;:null},&quot;ConnectorSettings&quot;:{&quot;$id&quot;:&quot;49&quot;,&quot;Color&quot;:&quot;178, 14, 18&quot;,&quot;IsVisible&quot;:false,&quot;LineWeight&quot;:0.1}},&quot;HideDate&quot;:false,&quot;ShapeTop&quot;:null,&quot;QuickShapeSize&quot;:1,&quot;IsVisible&quot;:true}],&quot;TimeLineType&quot;:1,&quot;Tasks&quot;:[{&quot;$id&quot;:&quot;50&quot;,&quot;DurationValue&quot;:11.0,&quot;DurationFormat&quot;:0,&quot;InternalId&quot;:&quot;3a687154-04b5-435a-b4a4-87ba7219617a&quot;,&quot;Index&quot;:1,&quot;Color&quot;:&quot;149, 34, 46&quot;,&quot;UtcStartDate&quot;:&quot;2014-09-03T00:00:00Z&quot;,&quot;Note&quot;:null,&quot;UtcEndDate&quot;:&quot;2014-09-17T00:00:00Z&quot;,&quot;Title&quot;:&quot;Phase 1&quot;,&quot;Shape&quot;:6,&quot;CustomSettings&quot;:{&quot;$id&quot;:&quot;51&quot;,&quot;TitleWidth&quot;:47.87504,&quot;TitleFontSettings&quot;:{&quot;$id&quot;:&quot;52&quot;,&quot;FontSize&quot;:14,&quot;FontName&quot;:&quot;Calibri&quot;,&quot;IsBold&quot;:true,&quot;IsItalic&quot;:false,&quot;IsUnderlined&quot;:false,&quot;ForegroundColor&quot;:&quot;178, 14, 18&quot;,&quot;BackColor&quot;:null},&quot;StartDateFontSettings&quot;:{&quot;$id&quot;:&quot;53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54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55&quot;,&quot;FontSize&quot;:13,&quot;FontName&quot;:&quot;Calibri&quot;,&quot;IsBold&quot;:false,&quot;IsItalic&quot;:false,&quot;IsUnderlined&quot;:false,&quot;ForegroundColor&quot;:&quot;237, 125, 49&quot;,&quot;BackColor&quot;:null},&quot;TasksSpacing&quot;:5,&quot;ShapeHeight&quot;:16.0,&quot;VerticalConnectorSettings&quot;:{&quot;$id&quot;:&quot;56&quot;,&quot;Color&quot;:&quot;204, 204, 204&quot;,&quot;IsVisible&quot;:false,&quot;LineWeight&quot;:0.0},&quot;HorizontalConnectorSettings&quot;:{&quot;$id&quot;:&quot;57&quot;,&quot;Color&quot;:&quot;234, 22, 30&quot;,&quot;IsVisible&quot;:true,&quot;LineWeight&quot;:0.1},&quot;TaskShapeBorderSettings&quot;:{&quot;$id&quot;:&quot;58&quot;,&quot;Color&quot;:&quot;Red&quot;,&quot;LineWeight&quot;:0.0},&quot;SmartTitleForeground&quot;:&quot;Black&quot;,&quot;SmartTitleForegroundIsActive&quot;:false,&quot;SmartDurationForeground&quot;:&quot;White&quot;,&quot;SmartDurationForegroundIsActive&quot;:tru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59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false,&quot;TaskDateIsWider&quot;:false,&quot;TaskPercentageCompletedIsWider&quot;:false,&quot;DateFormat&quot;:{&quot;$id&quot;:&quot;60&quot;,&quot;FormatString&quot;:&quot;M/d&quot;,&quot;Separator&quot;:&quot;/&quot;,&quot;UseInternationalDateFormat&quot;:false},&quot;IsVisible&quot;:true,&quot;PercentageCompleted&quot;:null},{&quot;$id&quot;:&quot;61&quot;,&quot;DurationValue&quot;:2.0,&quot;DurationFormat&quot;:0,&quot;InternalId&quot;:&quot;48541c08-b826-4880-b5f5-e24c9c19489c&quot;,&quot;Index&quot;:2,&quot;Color&quot;:&quot;192, 0, 0&quot;,&quot;UtcStartDate&quot;:&quot;2014-09-03T00:00:00Z&quot;,&quot;Note&quot;:null,&quot;UtcEndDate&quot;:&quot;2014-09-04T00:00:00Z&quot;,&quot;Title&quot;:&quot;Sub-task 1&quot;,&quot;Shape&quot;:3,&quot;CustomSettings&quot;:{&quot;$id&quot;:&quot;62&quot;,&quot;TitleWidth&quot;:48.62504,&quot;TitleFontSettings&quot;:{&quot;$id&quot;:&quot;63&quot;,&quot;FontSize&quot;:11,&quot;FontName&quot;:&quot;Calibri&quot;,&quot;IsBold&quot;:false,&quot;IsItalic&quot;:false,&quot;IsUnderlined&quot;:false,&quot;ForegroundColor&quot;:&quot;178, 14, 18&quot;,&quot;BackColor&quot;:null},&quot;StartDateFontSettings&quot;:{&quot;$id&quot;:&quot;64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65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66&quot;,&quot;FontSize&quot;:9,&quot;FontName&quot;:&quot;Calibri&quot;,&quot;IsBold&quot;:false,&quot;IsItalic&quot;:false,&quot;IsUnderlined&quot;:false,&quot;ForegroundColor&quot;:&quot;White&quot;,&quot;BackColor&quot;:null},&quot;TasksSpacing&quot;:2,&quot;ShapeHeight&quot;:10.0,&quot;VerticalConnectorSettings&quot;:{&quot;$id&quot;:&quot;67&quot;,&quot;Color&quot;:&quot;204, 204, 204&quot;,&quot;IsVisible&quot;:false,&quot;LineWeight&quot;:0.0},&quot;HorizontalConnectorSettings&quot;:{&quot;$id&quot;:&quot;68&quot;,&quot;Color&quot;:&quot;231, 230, 230&quot;,&quot;IsVisible&quot;:true,&quot;LineWeight&quot;:0.1},&quot;TaskShapeBorderSettings&quot;:{&quot;$id&quot;:&quot;69&quot;,&quot;Color&quot;:&quot;Red&quot;,&quot;LineWeight&quot;:0.0},&quot;SmartTitleForeground&quot;:&quot;Black&quot;,&quot;SmartTitleForegroundIsActive&quot;:false,&quot;SmartDurationForeground&quot;:&quot;Black&quot;,&quot;SmartDurationForegroundIsActive&quot;:fals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70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false,&quot;TaskDateIsWider&quot;:false,&quot;TaskPercentageCompletedIsWider&quot;:false,&quot;DateFormat&quot;:{&quot;$id&quot;:&quot;71&quot;,&quot;FormatString&quot;:&quot;M/d&quot;,&quot;Separator&quot;:&quot;/&quot;,&quot;UseInternationalDateFormat&quot;:false},&quot;IsVisible&quot;:true,&quot;PercentageCompleted&quot;:null},{&quot;$id&quot;:&quot;72&quot;,&quot;DurationValue&quot;:3.0,&quot;DurationFormat&quot;:0,&quot;InternalId&quot;:&quot;59ca60aa-1ba9-48a7-9516-fa0118865308&quot;,&quot;Index&quot;:3,&quot;Color&quot;:&quot;192, 0, 0&quot;,&quot;UtcStartDate&quot;:&quot;2014-09-05T00:00:00Z&quot;,&quot;Note&quot;:null,&quot;UtcEndDate&quot;:&quot;2014-09-09T00:00:00Z&quot;,&quot;Title&quot;:&quot;Sub-task 2&quot;,&quot;Shape&quot;:3,&quot;CustomSettings&quot;:{&quot;$id&quot;:&quot;73&quot;,&quot;TitleWidth&quot;:48.62504,&quot;TitleFontSettings&quot;:{&quot;$id&quot;:&quot;74&quot;,&quot;FontSize&quot;:11,&quot;FontName&quot;:&quot;Calibri&quot;,&quot;IsBold&quot;:false,&quot;IsItalic&quot;:false,&quot;IsUnderlined&quot;:false,&quot;ForegroundColor&quot;:&quot;178, 14, 18&quot;,&quot;BackColor&quot;:null},&quot;StartDateFontSettings&quot;:{&quot;$id&quot;:&quot;75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76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77&quot;,&quot;FontSize&quot;:10,&quot;FontName&quot;:&quot;Calibri&quot;,&quot;IsBold&quot;:false,&quot;IsItalic&quot;:false,&quot;IsUnderlined&quot;:false,&quot;ForegroundColor&quot;:&quot;White&quot;,&quot;BackColor&quot;:null},&quot;TasksSpacing&quot;:2,&quot;ShapeHeight&quot;:10.0,&quot;VerticalConnectorSettings&quot;:{&quot;$id&quot;:&quot;78&quot;,&quot;Color&quot;:&quot;204, 204, 204&quot;,&quot;IsVisible&quot;:false,&quot;LineWeight&quot;:0.0},&quot;HorizontalConnectorSettings&quot;:{&quot;$id&quot;:&quot;79&quot;,&quot;Color&quot;:&quot;231, 230, 230&quot;,&quot;IsVisible&quot;:true,&quot;LineWeight&quot;:0.1},&quot;TaskShapeBorderSettings&quot;:{&quot;$id&quot;:&quot;80&quot;,&quot;Color&quot;:&quot;Red&quot;,&quot;LineWeight&quot;:0.0},&quot;SmartTitleForeground&quot;:&quot;Black&quot;,&quot;SmartTitleForegroundIsActive&quot;:false,&quot;SmartDurationForeground&quot;:&quot;Black&quot;,&quot;SmartDurationForegroundIsActive&quot;:fals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81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false,&quot;TaskDateIsWider&quot;:false,&quot;TaskPercentageCompletedIsWider&quot;:false,&quot;DateFormat&quot;:{&quot;$id&quot;:&quot;82&quot;,&quot;FormatString&quot;:&quot;M/d&quot;,&quot;Separator&quot;:&quot;/&quot;,&quot;UseInternationalDateFormat&quot;:false},&quot;IsVisible&quot;:true,&quot;PercentageCompleted&quot;:null},{&quot;$id&quot;:&quot;83&quot;,&quot;DurationValue&quot;:5.0,&quot;DurationFormat&quot;:0,&quot;InternalId&quot;:&quot;78be7d91-0818-4754-b055-89e65c41c421&quot;,&quot;Index&quot;:4,&quot;Color&quot;:&quot;192, 0, 0&quot;,&quot;UtcStartDate&quot;:&quot;2014-09-10T00:00:00Z&quot;,&quot;Note&quot;:null,&quot;UtcEndDate&quot;:&quot;2014-09-16T00:00:00Z&quot;,&quot;Title&quot;:&quot;Sub-task 3&quot;,&quot;Shape&quot;:4,&quot;CustomSettings&quot;:{&quot;$id&quot;:&quot;84&quot;,&quot;TitleWidth&quot;:48.62504,&quot;TitleFontSettings&quot;:{&quot;$id&quot;:&quot;85&quot;,&quot;FontSize&quot;:11,&quot;FontName&quot;:&quot;Calibri&quot;,&quot;IsBold&quot;:false,&quot;IsItalic&quot;:false,&quot;IsUnderlined&quot;:false,&quot;ForegroundColor&quot;:&quot;192, 0, 0&quot;,&quot;BackColor&quot;:null},&quot;StartDateFontSettings&quot;:{&quot;$id&quot;:&quot;86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87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88&quot;,&quot;FontSize&quot;:10,&quot;FontName&quot;:&quot;Calibri&quot;,&quot;IsBold&quot;:false,&quot;IsItalic&quot;:false,&quot;IsUnderlined&quot;:false,&quot;ForegroundColor&quot;:&quot;White&quot;,&quot;BackColor&quot;:null},&quot;TasksSpacing&quot;:2,&quot;ShapeHeight&quot;:10.0,&quot;VerticalConnectorSettings&quot;:{&quot;$id&quot;:&quot;89&quot;,&quot;Color&quot;:&quot;204, 204, 204&quot;,&quot;IsVisible&quot;:false,&quot;LineWeight&quot;:0.0},&quot;HorizontalConnectorSettings&quot;:{&quot;$id&quot;:&quot;90&quot;,&quot;Color&quot;:&quot;231, 230, 230&quot;,&quot;IsVisible&quot;:true,&quot;LineWeight&quot;:0.1},&quot;TaskShapeBorderSettings&quot;:{&quot;$id&quot;:&quot;91&quot;,&quot;Color&quot;:&quot;Red&quot;,&quot;LineWeight&quot;:0.0},&quot;SmartTitleForeground&quot;:&quot;Black&quot;,&quot;SmartTitleForegroundIsActive&quot;:false,&quot;SmartDurationForeground&quot;:&quot;Black&quot;,&quot;SmartDurationForegroundIsActive&quot;:fals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92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false,&quot;TaskDateIsWider&quot;:false,&quot;TaskPercentageCompletedIsWider&quot;:false,&quot;DateFormat&quot;:{&quot;$id&quot;:&quot;93&quot;,&quot;FormatString&quot;:&quot;M/d&quot;,&quot;Separator&quot;:&quot;/&quot;,&quot;UseInternationalDateFormat&quot;:false},&quot;IsVisible&quot;:true,&quot;PercentageCompleted&quot;:null},{&quot;$id&quot;:&quot;94&quot;,&quot;DurationValue&quot;:1.0,&quot;DurationFormat&quot;:0,&quot;InternalId&quot;:&quot;836c357d-b408-4b50-807d-dd27b87cbdc3&quot;,&quot;Index&quot;:5,&quot;Color&quot;:&quot;204, 0, 0&quot;,&quot;UtcStartDate&quot;:&quot;2014-09-17T00:00:00Z&quot;,&quot;Note&quot;:null,&quot;UtcEndDate&quot;:&quot;2014-09-17T00:00:00Z&quot;,&quot;Title&quot;:&quot;Sub-task 4 - zero duration&quot;,&quot;Shape&quot;:5,&quot;CustomSettings&quot;:{&quot;$id&quot;:&quot;95&quot;,&quot;TitleWidth&quot;:117.25,&quot;TitleFontSettings&quot;:{&quot;$id&quot;:&quot;96&quot;,&quot;FontSize&quot;:11,&quot;FontName&quot;:&quot;Calibri&quot;,&quot;IsBold&quot;:false,&quot;IsItalic&quot;:false,&quot;IsUnderlined&quot;:false,&quot;ForegroundColor&quot;:&quot;192, 0, 0&quot;,&quot;BackColor&quot;:null},&quot;StartDateFontSettings&quot;:{&quot;$id&quot;:&quot;97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98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99&quot;,&quot;FontSize&quot;:10,&quot;FontName&quot;:&quot;Calibri&quot;,&quot;IsBold&quot;:false,&quot;IsItalic&quot;:false,&quot;IsUnderlined&quot;:false,&quot;ForegroundColor&quot;:&quot;178, 14, 18&quot;,&quot;BackColor&quot;:null},&quot;TasksSpacing&quot;:10,&quot;ShapeHeight&quot;:16.0,&quot;VerticalConnectorSettings&quot;:{&quot;$id&quot;:&quot;100&quot;,&quot;Color&quot;:&quot;204, 204, 204&quot;,&quot;IsVisible&quot;:false,&quot;LineWeight&quot;:0.0},&quot;HorizontalConnectorSettings&quot;:{&quot;$id&quot;:&quot;101&quot;,&quot;Color&quot;:&quot;231, 230, 230&quot;,&quot;IsVisible&quot;:true,&quot;LineWeight&quot;:0.1},&quot;TaskShapeBorderSettings&quot;:{&quot;$id&quot;:&quot;102&quot;,&quot;Color&quot;:&quot;Red&quot;,&quot;LineWeight&quot;:0.0},&quot;SmartTitleForeground&quot;:&quot;Black&quot;,&quot;SmartTitleForegroundIsActive&quot;:false,&quot;SmartDurationForeground&quot;:&quot;Black&quot;,&quot;SmartDurationForegroundIsActive&quot;:fals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103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true,&quot;TaskDateIsWider&quot;:false,&quot;TaskPercentageCompletedIsWider&quot;:false,&quot;DateFormat&quot;:{&quot;$id&quot;:&quot;104&quot;,&quot;FormatString&quot;:&quot;M/d&quot;,&quot;Separator&quot;:&quot;/&quot;,&quot;UseInternationalDateFormat&quot;:false},&quot;IsVisible&quot;:true,&quot;PercentageCompleted&quot;:null},{&quot;$id&quot;:&quot;105&quot;,&quot;DurationValue&quot;:12.0,&quot;DurationFormat&quot;:0,&quot;InternalId&quot;:&quot;57f54299-52d1-4bf4-9102-a5a5faf30e1a&quot;,&quot;Index&quot;:6,&quot;Color&quot;:&quot;30, 101, 152&quot;,&quot;UtcStartDate&quot;:&quot;2014-09-18T00:00:00Z&quot;,&quot;Note&quot;:null,&quot;UtcEndDate&quot;:&quot;2014-10-03T00:00:00Z&quot;,&quot;Title&quot;:&quot;Phase 2&quot;,&quot;Shape&quot;:6,&quot;CustomSettings&quot;:{&quot;$id&quot;:&quot;106&quot;,&quot;TitleWidth&quot;:47.87504,&quot;TitleFontSettings&quot;:{&quot;$id&quot;:&quot;107&quot;,&quot;FontSize&quot;:14,&quot;FontName&quot;:&quot;Calibri&quot;,&quot;IsBold&quot;:true,&quot;IsItalic&quot;:false,&quot;IsUnderlined&quot;:false,&quot;ForegroundColor&quot;:&quot;30, 101, 152&quot;,&quot;BackColor&quot;:null},&quot;StartDateFontSettings&quot;:{&quot;$id&quot;:&quot;108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109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110&quot;,&quot;FontSize&quot;:13,&quot;FontName&quot;:&quot;Calibri&quot;,&quot;IsBold&quot;:false,&quot;IsItalic&quot;:false,&quot;IsUnderlined&quot;:false,&quot;ForegroundColor&quot;:&quot;237, 125, 49&quot;,&quot;BackColor&quot;:null},&quot;TasksSpacing&quot;:2,&quot;ShapeHeight&quot;:16.0,&quot;VerticalConnectorSettings&quot;:{&quot;$id&quot;:&quot;111&quot;,&quot;Color&quot;:&quot;204, 204, 204&quot;,&quot;IsVisible&quot;:false,&quot;LineWeight&quot;:0.0},&quot;HorizontalConnectorSettings&quot;:{&quot;$id&quot;:&quot;112&quot;,&quot;Color&quot;:&quot;91, 155, 213&quot;,&quot;IsVisible&quot;:true,&quot;LineWeight&quot;:0.1},&quot;TaskShapeBorderSettings&quot;:{&quot;$id&quot;:&quot;113&quot;,&quot;Color&quot;:&quot;Red&quot;,&quot;LineWeight&quot;:0.0},&quot;SmartTitleForeground&quot;:&quot;Black&quot;,&quot;SmartTitleForegroundIsActive&quot;:false,&quot;SmartDurationForeground&quot;:&quot;White&quot;,&quot;SmartDurationForegroundIsActive&quot;:tru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114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false,&quot;TaskDateIsWider&quot;:false,&quot;TaskPercentageCompletedIsWider&quot;:false,&quot;DateFormat&quot;:{&quot;$id&quot;:&quot;115&quot;,&quot;FormatString&quot;:&quot;M/d&quot;,&quot;Separator&quot;:&quot;/&quot;,&quot;UseInternationalDateFormat&quot;:false},&quot;IsVisible&quot;:true,&quot;PercentageCompleted&quot;:null},{&quot;$id&quot;:&quot;116&quot;,&quot;DurationValue&quot;:4.0,&quot;DurationFormat&quot;:0,&quot;InternalId&quot;:&quot;b0ce345f-5e2e-422f-9154-b35d4c1d61d1&quot;,&quot;Index&quot;:7,&quot;Color&quot;:&quot;38, 131, 198&quot;,&quot;UtcStartDate&quot;:&quot;2014-09-18T00:00:00Z&quot;,&quot;Note&quot;:null,&quot;UtcEndDate&quot;:&quot;2014-09-23T00:00:00Z&quot;,&quot;Title&quot;:&quot;Sub-task 1&quot;,&quot;Shape&quot;:4,&quot;CustomSettings&quot;:{&quot;$id&quot;:&quot;117&quot;,&quot;TitleWidth&quot;:48.62504,&quot;TitleFontSettings&quot;:{&quot;$id&quot;:&quot;118&quot;,&quot;FontSize&quot;:11,&quot;FontName&quot;:&quot;Calibri&quot;,&quot;IsBold&quot;:false,&quot;IsItalic&quot;:false,&quot;IsUnderlined&quot;:false,&quot;ForegroundColor&quot;:&quot;0, 112, 192&quot;,&quot;BackColor&quot;:null},&quot;StartDateFontSettings&quot;:{&quot;$id&quot;:&quot;119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120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121&quot;,&quot;FontSize&quot;:10,&quot;FontName&quot;:&quot;Calibri&quot;,&quot;IsBold&quot;:false,&quot;IsItalic&quot;:false,&quot;IsUnderlined&quot;:false,&quot;ForegroundColor&quot;:&quot;White&quot;,&quot;BackColor&quot;:null},&quot;TasksSpacing&quot;:2,&quot;ShapeHeight&quot;:10.0,&quot;VerticalConnectorSettings&quot;:{&quot;$id&quot;:&quot;122&quot;,&quot;Color&quot;:&quot;204, 204, 204&quot;,&quot;IsVisible&quot;:false,&quot;LineWeight&quot;:0.0},&quot;HorizontalConnectorSettings&quot;:{&quot;$id&quot;:&quot;123&quot;,&quot;Color&quot;:&quot;231, 230, 230&quot;,&quot;IsVisible&quot;:true,&quot;LineWeight&quot;:0.1},&quot;TaskShapeBorderSettings&quot;:{&quot;$id&quot;:&quot;124&quot;,&quot;Color&quot;:&quot;Red&quot;,&quot;LineWeight&quot;:0.0},&quot;SmartTitleForeground&quot;:&quot;Black&quot;,&quot;SmartTitleForegroundIsActive&quot;:false,&quot;SmartDurationForeground&quot;:&quot;Black&quot;,&quot;SmartDurationForegroundIsActive&quot;:fals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125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false,&quot;TaskDateIsWider&quot;:false,&quot;TaskPercentageCompletedIsWider&quot;:false,&quot;DateFormat&quot;:{&quot;$id&quot;:&quot;126&quot;,&quot;FormatString&quot;:&quot;M/d&quot;,&quot;Separator&quot;:&quot;/&quot;,&quot;UseInternationalDateFormat&quot;:false},&quot;IsVisible&quot;:true,&quot;PercentageCompleted&quot;:null},{&quot;$id&quot;:&quot;127&quot;,&quot;DurationValue&quot;:3.0,&quot;DurationFormat&quot;:0,&quot;InternalId&quot;:&quot;d480600d-ed40-42c4-8ee5-e80e5b71a336&quot;,&quot;Index&quot;:8,&quot;Color&quot;:&quot;38, 131, 198&quot;,&quot;UtcStartDate&quot;:&quot;2014-09-24T00:00:00Z&quot;,&quot;Note&quot;:null,&quot;UtcEndDate&quot;:&quot;2014-09-26T00:00:00Z&quot;,&quot;Title&quot;:&quot;Sub-task 2&quot;,&quot;Shape&quot;:3,&quot;CustomSettings&quot;:{&quot;$id&quot;:&quot;128&quot;,&quot;TitleWidth&quot;:48.62504,&quot;TitleFontSettings&quot;:{&quot;$id&quot;:&quot;129&quot;,&quot;FontSize&quot;:11,&quot;FontName&quot;:&quot;Calibri&quot;,&quot;IsBold&quot;:false,&quot;IsItalic&quot;:false,&quot;IsUnderlined&quot;:false,&quot;ForegroundColor&quot;:&quot;0, 112, 192&quot;,&quot;BackColor&quot;:null},&quot;StartDateFontSettings&quot;:{&quot;$id&quot;:&quot;130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131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132&quot;,&quot;FontSize&quot;:10,&quot;FontName&quot;:&quot;Calibri&quot;,&quot;IsBold&quot;:false,&quot;IsItalic&quot;:false,&quot;IsUnderlined&quot;:false,&quot;ForegroundColor&quot;:&quot;White&quot;,&quot;BackColor&quot;:null},&quot;TasksSpacing&quot;:2,&quot;ShapeHeight&quot;:10.0,&quot;VerticalConnectorSettings&quot;:{&quot;$id&quot;:&quot;133&quot;,&quot;Color&quot;:&quot;204, 204, 204&quot;,&quot;IsVisible&quot;:false,&quot;LineWeight&quot;:0.0},&quot;HorizontalConnectorSettings&quot;:{&quot;$id&quot;:&quot;134&quot;,&quot;Color&quot;:&quot;231, 230, 230&quot;,&quot;IsVisible&quot;:true,&quot;LineWeight&quot;:0.1},&quot;TaskShapeBorderSettings&quot;:{&quot;$id&quot;:&quot;135&quot;,&quot;Color&quot;:&quot;Red&quot;,&quot;LineWeight&quot;:0.0},&quot;SmartTitleForeground&quot;:&quot;Black&quot;,&quot;SmartTitleForegroundIsActive&quot;:false,&quot;SmartDurationForeground&quot;:&quot;Black&quot;,&quot;SmartDurationForegroundIsActive&quot;:fals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136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false,&quot;TaskDateIsWider&quot;:false,&quot;TaskPercentageCompletedIsWider&quot;:false,&quot;DateFormat&quot;:{&quot;$id&quot;:&quot;137&quot;,&quot;FormatString&quot;:&quot;M/d&quot;,&quot;Separator&quot;:&quot;/&quot;,&quot;UseInternationalDateFormat&quot;:false},&quot;IsVisible&quot;:true,&quot;PercentageCompleted&quot;:null},{&quot;$id&quot;:&quot;138&quot;,&quot;DurationValue&quot;:5.0,&quot;DurationFormat&quot;:0,&quot;InternalId&quot;:&quot;2f8fa407-3845-497c-9859-61879fe02bd9&quot;,&quot;Index&quot;:9,&quot;Color&quot;:&quot;38, 131, 198&quot;,&quot;UtcStartDate&quot;:&quot;2014-09-27T00:00:00Z&quot;,&quot;Note&quot;:null,&quot;UtcEndDate&quot;:&quot;2014-10-03T00:00:00Z&quot;,&quot;Title&quot;:&quot;Sub-task 3&quot;,&quot;Shape&quot;:4,&quot;CustomSettings&quot;:{&quot;$id&quot;:&quot;139&quot;,&quot;TitleWidth&quot;:48.62504,&quot;TitleFontSettings&quot;:{&quot;$id&quot;:&quot;140&quot;,&quot;FontSize&quot;:11,&quot;FontName&quot;:&quot;Calibri&quot;,&quot;IsBold&quot;:false,&quot;IsItalic&quot;:false,&quot;IsUnderlined&quot;:false,&quot;ForegroundColor&quot;:&quot;0, 112, 192&quot;,&quot;BackColor&quot;:null},&quot;StartDateFontSettings&quot;:{&quot;$id&quot;:&quot;141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142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143&quot;,&quot;FontSize&quot;:10,&quot;FontName&quot;:&quot;Calibri&quot;,&quot;IsBold&quot;:false,&quot;IsItalic&quot;:false,&quot;IsUnderlined&quot;:false,&quot;ForegroundColor&quot;:&quot;White&quot;,&quot;BackColor&quot;:null},&quot;TasksSpacing&quot;:2,&quot;ShapeHeight&quot;:10.0,&quot;VerticalConnectorSettings&quot;:{&quot;$id&quot;:&quot;144&quot;,&quot;Color&quot;:&quot;204, 204, 204&quot;,&quot;IsVisible&quot;:false,&quot;LineWeight&quot;:0.0},&quot;HorizontalConnectorSettings&quot;:{&quot;$id&quot;:&quot;145&quot;,&quot;Color&quot;:&quot;231, 230, 230&quot;,&quot;IsVisible&quot;:true,&quot;LineWeight&quot;:0.1},&quot;TaskShapeBorderSettings&quot;:{&quot;$id&quot;:&quot;146&quot;,&quot;Color&quot;:&quot;Red&quot;,&quot;LineWeight&quot;:0.0},&quot;SmartTitleForeground&quot;:&quot;Black&quot;,&quot;SmartTitleForegroundIsActive&quot;:false,&quot;SmartDurationForeground&quot;:&quot;Black&quot;,&quot;SmartDurationForegroundIsActive&quot;:fals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147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false,&quot;TaskDateIsWider&quot;:false,&quot;TaskPercentageCompletedIsWider&quot;:false,&quot;DateFormat&quot;:{&quot;$id&quot;:&quot;148&quot;,&quot;FormatString&quot;:&quot;M/d&quot;,&quot;Separator&quot;:&quot;/&quot;,&quot;UseInternationalDateFormat&quot;:false},&quot;IsVisible&quot;:true,&quot;PercentageCompleted&quot;:null},{&quot;$id&quot;:&quot;149&quot;,&quot;DurationValue&quot;:4.0,&quot;DurationFormat&quot;:0,&quot;InternalId&quot;:&quot;452ffbff-6434-49bf-898b-842030269d79&quot;,&quot;Index&quot;:10,&quot;Color&quot;:&quot;38, 131, 198&quot;,&quot;UtcStartDate&quot;:&quot;2014-09-27T00:00:00Z&quot;,&quot;Note&quot;:null,&quot;UtcEndDate&quot;:&quot;2014-10-02T00:00:00Z&quot;,&quot;Title&quot;:&quot;Sub-task 4&quot;,&quot;Shape&quot;:3,&quot;CustomSettings&quot;:{&quot;$id&quot;:&quot;150&quot;,&quot;TitleWidth&quot;:48.62504,&quot;TitleFontSettings&quot;:{&quot;$id&quot;:&quot;151&quot;,&quot;FontSize&quot;:11,&quot;FontName&quot;:&quot;Calibri&quot;,&quot;IsBold&quot;:false,&quot;IsItalic&quot;:false,&quot;IsUnderlined&quot;:false,&quot;ForegroundColor&quot;:&quot;0, 112, 192&quot;,&quot;BackColor&quot;:null},&quot;StartDateFontSettings&quot;:{&quot;$id&quot;:&quot;152&quot;,&quot;FontSize&quot;:10,&quot;FontName&quot;:&quot;Calibri&quot;,&quot;IsBold&quot;:false,&quot;IsItalic&quot;:false,&quot;IsUnderlined&quot;:false,&quot;ForegroundColor&quot;:&quot;68, 84, 106&quot;,&quot;BackColor&quot;:null},&quot;EndDateFontSettings&quot;:{&quot;$id&quot;:&quot;153&quot;,&quot;FontSize&quot;:10,&quot;FontName&quot;:&quot;Calibri&quot;,&quot;IsBold&quot;:false,&quot;IsItalic&quot;:false,&quot;IsUnderlined&quot;:false,&quot;ForegroundColor&quot;:&quot;68, 84, 106&quot;,&quot;BackColor&quot;:null},&quot;DurationFontSettings&quot;:{&quot;$id&quot;:&quot;154&quot;,&quot;FontSize&quot;:10,&quot;FontName&quot;:&quot;Calibri&quot;,&quot;IsBold&quot;:false,&quot;IsItalic&quot;:false,&quot;IsUnderlined&quot;:false,&quot;ForegroundColor&quot;:&quot;237, 125, 49&quot;,&quot;BackColor&quot;:null},&quot;TasksSpacing&quot;:2,&quot;ShapeHeight&quot;:10.0,&quot;VerticalConnectorSettings&quot;:{&quot;$id&quot;:&quot;155&quot;,&quot;Color&quot;:&quot;204, 204, 204&quot;,&quot;IsVisible&quot;:false,&quot;LineWeight&quot;:0.0},&quot;HorizontalConnectorSettings&quot;:{&quot;$id&quot;:&quot;156&quot;,&quot;Color&quot;:&quot;231, 230, 230&quot;,&quot;IsVisible&quot;:true,&quot;LineWeight&quot;:0.1},&quot;TaskShapeBorderSettings&quot;:{&quot;$id&quot;:&quot;157&quot;,&quot;Color&quot;:&quot;Red&quot;,&quot;LineWeight&quot;:0.0},&quot;SmartTitleForeground&quot;:&quot;Black&quot;,&quot;SmartTitleForegroundIsActive&quot;:false,&quot;SmartDurationForeground&quot;:&quot;White&quot;,&quot;SmartDurationForegroundIsActive&quot;:true,&quot;SmartDateForeground&quot;:&quot;68, 84, 106&quot;,&quot;SmartDateForegroundIsActive&quot;:false,&quot;SmartPercentageCompletedForeground&quot;:&quot;237, 125, 49&quot;,&quot;SmartPercentageCompletedIsActive&quot;:false,&quot;IncludeNonWorkingDaysInDuration&quot;:false,&quot;WorkingDays&quot;:31,&quot;PercentageCompletedFontSettings&quot;:{&quot;$id&quot;:&quot;158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TaskDatePosition&quot;:3,&quot;TaskTitlePosition&quot;:3,&quot;TaskDurationPosition&quot;:1,&quot;TaskTitleIsWider&quot;:false,&quot;TaskDurationIsWider&quot;:false,&quot;TaskDateIsWider&quot;:false,&quot;TaskPercentageCompletedIsWider&quot;:false,&quot;DateFormat&quot;:{&quot;$id&quot;:&quot;159&quot;,&quot;FormatString&quot;:&quot;M/d&quot;,&quot;Separator&quot;:&quot;/&quot;,&quot;UseInternationalDateFormat&quot;:false},&quot;IsVisible&quot;:true,&quot;PercentageCompleted&quot;:null}],&quot;Style&quot;:{&quot;$id&quot;:&quot;160&quot;,&quot;TimelineSettings&quot;:{&quot;$id&quot;:&quot;161&quot;,&quot;TodayMarkerColor&quot;:&quot;178, 14, 18&quot;,&quot;TodayMarkerFontSettings&quot;:{&quot;$id&quot;:&quot;162&quot;,&quot;FontSize&quot;:12,&quot;FontName&quot;:&quot;Calibri&quot;,&quot;IsBold&quot;:false,&quot;IsItalic&quot;:false,&quot;IsUnderlined&quot;:false,&quot;ForegroundColor&quot;:&quot;Black&quot;,&quot;BackColor&quot;:null},&quot;StartYearFont&quot;:{&quot;$id&quot;:&quot;163&quot;,&quot;FontSize&quot;:18,&quot;FontName&quot;:&quot;Calibri&quot;,&quot;IsBold&quot;:true,&quot;IsItalic&quot;:false,&quot;IsUnderlined&quot;:false,&quot;ForegroundColor&quot;:&quot;237, 125, 49&quot;,&quot;BackColor&quot;:null},&quot;EndYearFont&quot;:{&quot;$id&quot;:&quot;164&quot;,&quot;FontSize&quot;:18,&quot;FontName&quot;:&quot;Calibri&quot;,&quot;IsBold&quot;:true,&quot;IsItalic&quot;:false,&quot;IsUnderlined&quot;:false,&quot;ForegroundColor&quot;:&quot;237, 125, 49&quot;,&quot;BackColor&quot;:null},&quot;IsThin&quot;:false,&quot;Has3DEffect&quot;:true,&quot;TimebandIsRounded&quot;:false,&quot;TimebandColor&quot;:&quot;31, 73, 125&quot;,&quot;TimebandFontSettings&quot;:{&quot;$id&quot;:&quot;165&quot;,&quot;FontSize&quot;:12,&quot;FontName&quot;:&quot;Calibri&quot;,&quot;IsBold&quot;:false,&quot;IsItalic&quot;:false,&quot;IsUnderlined&quot;:false,&quot;ForegroundColor&quot;:&quot;White&quot;,&quot;BackColor&quot;:null},&quot;ElapsedTimeColor&quot;:&quot;178, 14, 18&quot;,&quot;ElapsedTimeStyle&quot;:2,&quot;TodayMarkerPosition&quot;:2,&quot;CapsPosition&quot;:0},&quot;DefaultMilestoneSettings&quot;:{&quot;$id&quot;:&quot;166&quot;,&quot;FlagConnectorSettings&quot;:{&quot;$id&quot;:&quot;167&quot;,&quot;Color&quot;:&quot;79, 129, 189&quot;,&quot;IsVisible&quot;:false,&quot;LineWeight&quot;:0.1},&quot;DateFormat&quot;:{&quot;$id&quot;:&quot;168&quot;,&quot;FormatString&quot;:&quot;MMM d&quot;,&quot;Separator&quot;:&quot;/&quot;,&quot;UseInternationalDateFormat&quot;:false},&quot;IsDateVisible&quot;:true,&quot;TitleFontSettings&quot;:{&quot;$id&quot;:&quot;169&quot;,&quot;FontSize&quot;:11,&quot;FontName&quot;:&quot;Calibri&quot;,&quot;IsBold&quot;:true,&quot;IsItalic&quot;:false,&quot;IsUnderlined&quot;:false,&quot;ForegroundColor&quot;:&quot;Black&quot;,&quot;BackColor&quot;:null},&quot;DateFontSettings&quot;:{&quot;$id&quot;:&quot;170&quot;,&quot;FontSize&quot;:10,&quot;FontName&quot;:&quot;Calibri&quot;,&quot;IsBold&quot;:false,&quot;IsItalic&quot;:false,&quot;IsUnderlined&quot;:false,&quot;ForegroundColor&quot;:&quot;68, 84, 106&quot;,&quot;BackColor&quot;:null},&quot;ConnectorSettings&quot;:{&quot;$id&quot;:&quot;171&quot;,&quot;Color&quot;:&quot;&quot;,&quot;IsVisible&quot;:false,&quot;LineWeight&quot;:0.1}},&quot;DefaultTaskSettings&quot;:{&quot;$id&quot;:&quot;172&quot;,&quot;DateFontSettings&quot;:{&quot;$id&quot;:&quot;173&quot;,&quot;FontSize&quot;:10,&quot;FontName&quot;:&quot;Calibri&quot;,&quot;IsBold&quot;:false,&quot;IsItalic&quot;:false,&quot;IsUnderlined&quot;:false,&quot;ForegroundColor&quot;:&quot;68, 84, 106&quot;,&quot;BackColor&quot;:null},&quot;StartDateFontSettings&quot;:{&quot;$id&quot;:&quot;174&quot;,&quot;FontSize&quot;:12,&quot;FontName&quot;:&quot;Calibri&quot;,&quot;IsBold&quot;:false,&quot;IsItalic&quot;:false,&quot;IsUnderlined&quot;:false,&quot;ForegroundColor&quot;:&quot;White&quot;,&quot;BackColor&quot;:null},&quot;EndDateFontSettings&quot;:{&quot;$id&quot;:&quot;175&quot;,&quot;FontSize&quot;:12,&quot;FontName&quot;:&quot;Calibri&quot;,&quot;IsBold&quot;:false,&quot;IsItalic&quot;:false,&quot;IsUnderlined&quot;:false,&quot;ForegroundColor&quot;:&quot;White&quot;,&quot;BackColor&quot;:null},&quot;DurationFontSettings&quot;:{&quot;$id&quot;:&quot;176&quot;,&quot;FontSize&quot;:10,&quot;FontName&quot;:&quot;Calibri&quot;,&quot;IsBold&quot;:false,&quot;IsItalic&quot;:false,&quot;IsUnderlined&quot;:false,&quot;ForegroundColor&quot;:&quot;237, 125, 49&quot;,&quot;BackColor&quot;:null},&quot;IsThick&quot;:false,&quot;TasksAboveTimeband&quot;:false,&quot;DateFormat&quot;:{&quot;$id&quot;:&quot;177&quot;,&quot;FormatString&quot;:&quot;M/d&quot;,&quot;Separator&quot;:&quot;/&quot;,&quot;UseInternationalDateFormat&quot;:false},&quot;DurationPosition&quot;:1,&quot;DurationFormat&quot;:0,&quot;RenderLongTaskTitleAboveTaskShape&quot;:false,&quot;IsHorizontalConnectorVisible&quot;:true,&quot;IsVerticalConnectorVisible&quot;:false,&quot;IntervalTextPosition&quot;:3,&quot;IntervalDatePosition&quot;:3,&quot;TitleWidth&quot;:null,&quot;TitleFontSettings&quot;:{&quot;$id&quot;:&quot;178&quot;,&quot;FontSize&quot;:11,&quot;FontName&quot;:&quot;Calibri&quot;,&quot;IsBold&quot;:true,&quot;IsItalic&quot;:false,&quot;IsUnderlined&quot;:false,&quot;ForegroundColor&quot;:&quot;Black&quot;,&quot;BackColor&quot;:null},&quot;TasksSpacing&quot;:5,&quot;ShapeHeight&quot;:16.0,&quot;VerticalConnectorSettings&quot;:{&quot;$id&quot;:&quot;179&quot;,&quot;Color&quot;:&quot;204, 204, 204&quot;,&quot;IsVisible&quot;:false,&quot;LineWeight&quot;:0.0},&quot;HorizontalConnectorSettings&quot;:{&quot;$id&quot;:&quot;180&quot;,&quot;Color&quot;:&quot;91, 155, 213&quot;,&quot;IsVisible&quot;:true,&quot;LineWeight&quot;:0.1},&quot;TaskShapeBorderSettings&quot;:{&quot;$id&quot;:&quot;181&quot;,&quot;Color&quot;:&quot;Red&quot;,&quot;LineWeight&quot;:0.0},&quot;SmartTitleForeground&quot;:&quot;&quot;,&quot;SmartTitleForegroundIsActive&quot;:false,&quot;SmartDurationForeground&quot;:&quot;&quot;,&quot;SmartDurationForegroundIsActive&quot;:false,&quot;SmartDateForeground&quot;:&quot;&quot;,&quot;SmartDateForegroundIsActive&quot;:false,&quot;SmartPercentageCompletedForeground&quot;:&quot;&quot;,&quot;SmartPercentageCompletedIsActive&quot;:false,&quot;IncludeNonWorkingDaysInDuration&quot;:false,&quot;WorkingDays&quot;:31,&quot;PercentageCompletedFontSettings&quot;:{&quot;$id&quot;:&quot;182&quot;,&quot;FontSize&quot;:10,&quot;FontName&quot;:&quot;Calibri&quot;,&quot;IsBold&quot;:false,&quot;IsItalic&quot;:false,&quot;IsUnderlined&quot;:false,&quot;ForegroundColor&quot;:&quot;237, 125, 49&quot;,&quot;BackColor&quot;:null},&quot;PercentageCompletedPosition&quot;:0},&quot;ScaleSettings&quot;:{&quot;$id&quot;:&quot;183&quot;,&quot;DateFormat&quot;:&quot;MMM&quot;,&quot;IntervalType&quot;:0,&quot;UseAutomaticTimeScale&quot;:true,&quot;CustomTimeScaleUtcStartDate&quot;:&quot;2014-08-29T00:00:00Z&quot;,&quot;CustomTimeScaleUtcEndDate&quot;:&quot;2014-10-03T00:00:00Z&quot;}},&quot;TimebandVerticalPosition&quot;:{&quot;$id&quot;:&quot;184&quot;,&quot;QuickPosition&quot;:3,&quot;RelativePosition&quot;:30.0,&quot;AbsolutePosition&quot;:162.0,&quot;PreviousAbsolutePosition&quot;:162.0},&quot;Settings&quot;:{&quot;$id&quot;:&quot;185&quot;,&quot;ImpaOptions&quot;:null,&quot;UseCompression&quot;:false,&quot;CompresionPercentage&quot;:50.0,&quot;InactiveIntervalWidthThreshold&quot;:30.0,&quot;InactiveIntervalWidth&quot;:1.0,&quot;SplitTasks&quot;:false,&quot;UseCluster&quot;:false,&quot;Epsilon&quot;:0.0,&quot;MinPointsToFormACluster&quot;:2,&quot;GenerateInvisibleShapes&quot;:false}}"/>
  <p:tag name="__PART_0" val="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xNzgsIkciOjE0LCJCIjoxO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E3OCwiRyI6MTQsIkIiOjE4fX0sIkFwcGVuZFllYXJPblllYXJDaGFuZ2UiOnRydWUsIkVsYXBzZWRUaW1lRm9ybWF0IjoyLCJUb2RheU1hcmtlclBvc2l0aW9uIjoyLCJRdWlja1Bvc2l0aW9uIjozLCJBYnNvbHV0ZVBvc2l0aW9uIjoyOTc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xLjAsIlBhZGRpbmciOnsiJGlkIjoiNTgiLCJUb3AiOjEwLCJMZWZ0IjozLCJSaWdodCI6MCwiQm90dG9tIjowfSwiU2hhcGVTdHlsZSI6eyIkaWQiOiI1OSIsIk1hcmdpbiI6eyIkaWQiOiI2MCIsIlRvcCI6NS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dHJ1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5MSwiRyI6MTU1LCJCIjoyMTN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iwiRW5kRGF0ZVBvc2l0aW9uIjo2LCJEYXRlSXNWaXNpYmxlIjpmYWxzZSwiVGl0bGVQb3NpdGlvbiI6NSwiRHVyYXRpb25Qb3NpdGlvbiI6M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IsIkZvbnROYW1lIjoiQ2FsaWJyaSIsIklzQm9sZCI6ZmFsc2UsIklzSXRhbGljIjpmYWxzZSwiSXNVbmRlcmxpbmVkIjpmYWxzZSwiUGFyZW50U3R5bGUiOm51bGx9LCJBdXRvU2l6ZSI6MCwiRm9yZWdyb3VuZCI6eyIkaWQiOiIxMjAiLCJDb2xvciI6eyIkaWQiOiIxMj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mYWxzZSwiV2lkdGgiOjAuMCwiSGVpZ2h0IjowLjAsIkJvcmRlclN0eWxlIjpudWxsLCJQYXJlbnRTdHlsZSI6bnVsbH0sIkRhdGVGb3JtYXQiOnsiJGlkIjoiMTI1IiwiRm9ybWF0U3RyaW5nIjoiTS9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zOCIsIkxpbmVDb2xvciI6bnVsbCwiTGluZVdlaWdodCI6MC4wLCJMaW5lVHlwZSI6MCwiUGFyZW50U3R5bGUiOm51bGx9LCJQYXJlbnRTdHlsZSI6eyIkcmVmIjoiNjcifX0sIkRhdGVTdHlsZSI6eyIkaWQiOiIxMzkiLCJGb250U2V0dGluZ3MiOnsiJHJlZiI6Ijc1In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TEiLCJMaW5lQ29sb3IiOm51bGwsIkxpbmVXZWlnaHQiOjAuMCwiTGluZVR5cGUiOjAsIlBhcmVudFN0eWxlIjpudWxsfSwiUGFyZW50U3R5bGUiOnsiJHJlZiI6IjY3In19LCJEYXRlU3R5bGUiOnsiJGlkIjoiMTUyIiwiRm9udFNldHRpbmdzIjp7IiRyZWYiOiI3NSJ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Tc4LCJHIjoxNCwiQiI6MTh9fSwiSXNWaXNpYmxlIjp0cnVlLCJXaWR0aCI6MTguMCwiSGVpZ2h0IjoyMC4wLCJCb3JkZXJTdHlsZSI6eyIkaWQiOiIxNjIiLCJMaW5lQ29sb3IiOnsiJHJlZiI6IjY1In0sIkxpbmVXZWlnaHQiOjAuMCwiTGluZVR5cGUiOjAsIlBhcmVudFN0eWxlIjp7IiRyZWYiOiI2NCJ9fSwiUGFyZW50U3R5bGUiOnsiJHJlZiI6IjU5In19LCJUaXRsZVN0eWxlIjp7IiRpZCI6IjE2MyIsIkZvbnRTZXR0aW5ncyI6eyIkcmVmIjoiNjgi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jQiLCJMaW5lQ29sb3IiOm51bGwsIkxpbmVXZWlnaHQiOjAuMCwiTGluZVR5cGUiOjAsIlBhcmVudFN0eWxlIjpudWxsfSwiUGFyZW50U3R5bGUiOnsiJHJlZiI6IjY3In19LCJEYXRlU3R5bGUiOnsiJGlkIjoiMTY1IiwiRm9udFNldHRpbmdzIjp7IiRyZWYiOiI3NSJ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3IiwiTGluZUNvbG9yIjpudWxsLCJMaW5lV2VpZ2h0IjowLjAsIkxpbmVUeXBlIjowLCJQYXJlbnRTdHlsZSI6bnVsbH0sIlBhcmVudFN0eWxlIjp7IiRyZWYiOiI2NyJ9fSwiRGF0ZVN0eWxlIjp7IiRpZCI6IjE3OCIsIkZvbnRTZXR0aW5ncyI6eyIkcmVmIjoiNzUi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MCIsIkxpbmVDb2xvciI6bnVsbCwiTGluZVdlaWdodCI6MC4wLCJMaW5lVHlwZSI6MCwiUGFyZW50U3R5bGUiOm51bGx9LCJQYXJlbnRTdHlsZSI6eyIkcmVmIjoiNjcifX0sIkRhdGVTdHlsZSI6eyIkaWQiOiIxOTEiLCJGb250U2V0dGluZ3MiOnsiJHJlZiI6Ijc1In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E4IiwiTGluZUNvbG9yIjpudWxsLCJMaW5lV2VpZ2h0IjowLjAsIkxpbmVUeXBlIjowLCJQYXJlbnRTdHlsZSI6bnVsbH0sIlBhcmVudFN0eWxlIjp7IiRyZWYiOiIxMTEifX0sIkRhdGVTdHlsZSI6eyIkaWQiOiIyMTkiLCJGb250U2V0dGluZ3MiOnsiJGlkIjoiMjIwIiwiRm9udFNpemUiOjEwLCJGb250TmFtZSI6IkNhbGlicmkiLCJJc0JvbGQiOmZhbHNlLCJJc0l0YWxpYyI6ZmFsc2UsIklzVW5kZXJsaW5lZCI6ZmFsc2UsIlBhcmVudFN0eWxlIjpudWxsfSwiQXV0b1NpemUiOjAsIkZvcmVncm91bmQiOnsiJGlkIjoiMjIxIiwiQ29sb3IiOnsiJGlkIjoiMj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0OSIsIkxpbmVDb2xvciI6bnVsbCwiTGluZVdlaWdodCI6MC4wLCJMaW5lVHlwZSI6MCwiUGFyZW50U3R5bGUiOm51bGx9LCJQYXJlbnRTdHlsZSI6eyIkcmVmIjoiMTExIn19LCJEYXRlU3R5bGUiOnsiJGlkIjoiMjUwIiwiRm9udFNldHRpbmdzIjp7IiRpZCI6IjI1MSIsIkZvbnRTaXplIjoxMCwiRm9udE5hbWUiOiJDYWxpYnJpIiwiSXNCb2xkIjpmYWxzZSwiSXNJdGFsaWMiOmZhbHNlLCJJc1VuZGVybGluZWQiOmZhbHNlLCJQYXJlbnRTdHlsZSI6bnVsbH0sIkF1dG9TaXplIjowLCJGb3JlZ3JvdW5kIjp7IiRpZCI6IjI1MiIsIkNvbG9yIjp7IiRpZCI6IjI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c5IiwiTGluZUNvbG9yIjpudWxsLCJMaW5lV2VpZ2h0IjowLjAsIkxpbmVUeXBlIjowLCJQYXJlbnRTdHlsZSI6bnVsbH0sIlBhcmVudFN0eWxlIjp7IiRyZWYiOiIxMTEifX0sIkRhdGVTdHlsZSI6eyIkaWQiOiIyODAiLCJGb250U2V0dGluZ3MiOnsiJGlkIjoiMjgxIiwiRm9udFNpemUiOjEwLCJGb250TmFtZSI6IkNhbGlicmkiLCJJc0JvbGQiOmZhbHNlLCJJc0l0YWxpYyI6ZmFsc2UsIklzVW5kZXJsaW5lZCI6ZmFsc2UsIlBhcmVudFN0eWxlIjpudWxsfSwiQXV0b1NpemUiOjAsIkZvcmVncm91bmQiOnsiJGlkIjoiMjgyIiwiQ29sb3IiOnsiJGlkIjoiM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wOSIsIkxpbmVDb2xvciI6bnVsbCwiTGluZVdlaWdodCI6MC4wLCJMaW5lVHlwZSI6MCwiUGFyZW50U3R5bGUiOm51bGx9LCJQYXJlbnRTdHlsZSI6eyIkcmVmIjoiMTExIn19LCJEYXRlU3R5bGUiOnsiJGlkIjoiMzEwIiwiRm9udFNldHRpbmdzIjp7IiRpZCI6IjMxMSIsIkZvbnRTaXplIjoxMCwiRm9udE5hbWUiOiJDYWxpYnJpIiwiSXNCb2xkIjpmYWxzZSwiSXNJdGFsaWMiOmZhbHNlLCJJc1VuZGVybGluZWQiOmZhbHNlLCJQYXJlbnRTdHlsZSI6bnVsbH0sIkF1dG9TaXplIjowLCJGb3JlZ3JvdW5kIjp7IiRpZCI6IjMxMiIsIkNvbG9yIjp7IiRpZCI6Ij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xOCIsIkxpbmVDb2xvciI6bnVsbCwiTGluZVdlaWdodCI6MC4wLCJMaW5lVHlwZSI6MCwiUGFyZW50U3R5bGUiOm51bGx9LCJQYXJlbnRTdHlsZSI6eyIkcmVmIjoiODMifX0sIkR1cmF0aW9uU3R5bGUiOnsiJGlkIjoiMzE5IiwiRm9udFNldHRpbmdzIjp7IiRyZWYiOiI5MSJ9LCJBdXRvU2l6ZSI6MCwiRm9yZWdyb3VuZCI6eyIkaWQiOiIzMjAiLCJDb2xvciI6eyIkaWQiOiIzMjE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OCIsIkxpbmVDb2xvciI6bnVsbCwiTGluZVdlaWdodCI6MC4wLCJMaW5lVHlwZSI6MCwiUGFyZW50U3R5bGUiOm51bGx9LCJQYXJlbnRTdHlsZSI6eyIkcmVmIjoiMTExIn19LCJEY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2NyIsIkxpbmVDb2xvciI6bnVsbCwiTGluZVdlaWdodCI6MC4wLCJMaW5lVHlwZSI6MCwiUGFyZW50U3R5bGUiOm51bGx9LCJQYXJlbnRTdHlsZSI6eyIkcmVmIjoiMTExIn1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TciLCJMaW5lQ29sb3IiOm51bGwsIkxpbmVXZWlnaHQiOjAuMCwiTGluZVR5cGUiOjAsIlBhcmVudFN0eWxlIjpudWxsfSwiUGFyZW50U3R5bGUiOnsiJHJlZiI6IjExMSJ9fSwiRGF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yNyIsIkxpbmVDb2xvciI6bnVsbCwiTGluZVdlaWdodCI6MC4wLCJMaW5lVHlwZSI6MCwiUGFyZW50U3R5bGUiOm51bGx9LCJQYXJlbnRTdHlsZSI6eyIkcmVmIjoiMTExIn19LCJEYXRlU3R5bGUiOnsiJGlkIjoiNDI4IiwiRm9udFNldHRpbmdzIjp7IiRpZCI6IjQyOSIsIkZvbnRTaXplIjoxMCwiRm9udE5hbWUiOiJDYWxpYnJpIiwiSXNCb2xkIjpmYWxzZSwiSXNJdGFsaWMiOmZhbHNlLCJJc1VuZGVybGluZWQiOmZhbHNlLCJQYXJlbnRTdHlsZSI6bnVsbH0sIkF1dG9TaXplIjowLCJGb3JlZ3JvdW5kIjp7IiRpZCI6IjQzMCIsIkNvbG9yIjp7IiRpZCI6IjQ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1NyIsIkxpbmVDb2xvciI6bnVsbCwiTGluZVdlaWdodCI6MC4wLCJMaW5lVHlwZSI6MCwiUGFyZW50U3R5bGUiOm51bGx9LCJQYXJlbnRTdHlsZSI6eyIkcmVmIjoiMTExIn19LCJEYXRlU3R5bGUiOnsiJGlkIjoiNDU4IiwiRm9udFNldHRpbmdzIjp7IiRpZCI6IjQ1OSIsIkZvbnRTaXplIjoxMCwiRm9udE5hbWUiOiJDYWxpYnJpIiwiSXNCb2xkIjpmYWxzZSwiSXNJdGFsaWMiOmZhbHNlLCJJc1VuZGVybGluZWQiOmZhbHNlLCJQYXJlbnRTdHlsZSI6bnVsbH0sIkF1dG9TaXplIjowLCJGb3JlZ3JvdW5kIjp7IiRpZCI6IjQ2MCIsIkNvbG9yIjp7IiRpZCI6IjQ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4NyIsIkxpbmVDb2xvciI6bnVsbCwiTGluZVdlaWdodCI6MC4wLCJMaW5lVHlwZSI6MCwiUGFyZW50U3R5bGUiOm51bGx9LCJQYXJlbnRTdHlsZSI6eyIkcmVmIjoiMTExIn19LCJEYXRlU3R5bGUiOnsiJGlkIjoiNDg4IiwiRm9udFNldHRpbmdzIjp7IiRpZCI6IjQ4OSIsIkZvbnRTaXplIjoxMCwiRm9udE5hbWUiOiJDYWxpYnJpIiwiSXNCb2xkIjpmYWxzZSwiSXNJdGFsaWMiOmZhbHNlLCJJc1VuZGVybGluZWQiOmZhbHNlLCJQYXJlbnRTdHlsZSI6bnVsbH0sIkF1dG9TaXplIjowLCJGb3JlZ3JvdW5kIjp7IiRpZCI6IjQ5MCIsIkNvbG9yIjp7IiRpZCI6IjQ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Db25maWd1cmF0aW9uIjp7IiRpZCI6IjQ5Ni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Custom 37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09</Words>
  <Application>Microsoft Office PowerPoint</Application>
  <PresentationFormat>Widescreen</PresentationFormat>
  <Paragraphs>6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3_Office Theme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8T01:03:12Z</dcterms:created>
  <dcterms:modified xsi:type="dcterms:W3CDTF">2022-06-29T13:16:25Z</dcterms:modified>
</cp:coreProperties>
</file>